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204\SETORES\EDUPROFISS\2016\18 - CURSOS SAÚDE\"/>
    </mc:Choice>
  </mc:AlternateContent>
  <bookViews>
    <workbookView xWindow="0" yWindow="0" windowWidth="21600" windowHeight="9735"/>
  </bookViews>
  <sheets>
    <sheet name="CURSOS NOVOS SAUDE (15-6)" sheetId="1" r:id="rId1"/>
    <sheet name="Plan2" sheetId="2" r:id="rId2"/>
  </sheets>
  <definedNames>
    <definedName name="_xlnm._FilterDatabase" localSheetId="0" hidden="1">'CURSOS NOVOS SAUDE (15-6)'!$2:$38</definedName>
    <definedName name="_xlnm.Print_Area" localSheetId="0">'CURSOS NOVOS SAUDE (15-6)'!$A$1:$E$38</definedName>
  </definedNames>
  <calcPr calcId="152511" fullCalcOnLoad="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5" uniqueCount="51">
  <si>
    <t>CURSOS TÉCNICOS NA ÁREA DA SAÚDE  EM 2016.</t>
  </si>
  <si>
    <t>DATA</t>
  </si>
  <si>
    <t>Município</t>
  </si>
  <si>
    <t>Escola</t>
  </si>
  <si>
    <t>Cursos Técnicos</t>
  </si>
  <si>
    <t>CAMAPUÃ</t>
  </si>
  <si>
    <t>E.E Camilo Bonfim</t>
  </si>
  <si>
    <t xml:space="preserve">Agente Comunitário de  Saúde </t>
  </si>
  <si>
    <t>SED</t>
  </si>
  <si>
    <t>CAMPO GRANDE</t>
  </si>
  <si>
    <t>Centro de Educação Profissional Ezequiel Ferreira Lima</t>
  </si>
  <si>
    <t>Análises Clínicas</t>
  </si>
  <si>
    <t>Enfermagem</t>
  </si>
  <si>
    <t>PRONATEC</t>
  </si>
  <si>
    <t xml:space="preserve">Saúde Bucal   </t>
  </si>
  <si>
    <t>Centro Estadual de Educação Profissional Profª Maria de Lourdes Widal Roma</t>
  </si>
  <si>
    <t>EE Amélio de Carvalho Baís</t>
  </si>
  <si>
    <t xml:space="preserve">Gerência de Saúde </t>
  </si>
  <si>
    <t xml:space="preserve">EE Arlindo de Andrade  Gomes </t>
  </si>
  <si>
    <t>EE Maria Eliza Bocayuva Corrêa da Costa</t>
  </si>
  <si>
    <t>EE Pe. João Greiner</t>
  </si>
  <si>
    <t>Agente Comunitário de  Saúde</t>
  </si>
  <si>
    <t>EE Prof. Silvio Oliveira dos Santos</t>
  </si>
  <si>
    <t xml:space="preserve">Enfermagem                                                      </t>
  </si>
  <si>
    <t>CORUMBÁ</t>
  </si>
  <si>
    <t>EE Dr. Gabriel Vandoni de Barros</t>
  </si>
  <si>
    <t>EE. Júlia Gonçalves Passarinho</t>
  </si>
  <si>
    <t>EE. Maria Helena Albaneze</t>
  </si>
  <si>
    <t>EE.João Leite de Barros</t>
  </si>
  <si>
    <t xml:space="preserve">DOURADOS </t>
  </si>
  <si>
    <t>EE Antonia da Silveira Capilé</t>
  </si>
  <si>
    <t>EE Floriana Lopes</t>
  </si>
  <si>
    <t>EE Floriano Viegas Machado</t>
  </si>
  <si>
    <t xml:space="preserve">EE Ministro João Paulo Dos Reis Veloso </t>
  </si>
  <si>
    <t>EE Presidente Vargas</t>
  </si>
  <si>
    <t xml:space="preserve">JARDIM </t>
  </si>
  <si>
    <t>EE Cel Pedro José Rufino</t>
  </si>
  <si>
    <t>NAVIRAI</t>
  </si>
  <si>
    <t>Centro de Educação Profissional Senador Ramez Tebet</t>
  </si>
  <si>
    <t>NOVA ANDRADINA</t>
  </si>
  <si>
    <t>EE Nair Palácio</t>
  </si>
  <si>
    <t>PONTA PORÃ</t>
  </si>
  <si>
    <t>EE Adê Marques</t>
  </si>
  <si>
    <t>EE João Brembati Calvoso</t>
  </si>
  <si>
    <t>EE Joaquim Murtinho</t>
  </si>
  <si>
    <t xml:space="preserve">Enfermagem     </t>
  </si>
  <si>
    <t xml:space="preserve">TRÊS LAGOAS </t>
  </si>
  <si>
    <t>EE Afonso Pena</t>
  </si>
  <si>
    <t>EE Bom Jesus</t>
  </si>
  <si>
    <t>EE Dom Aquino Correa</t>
  </si>
  <si>
    <t>EE Prof. João Magiano Pint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0"/>
      <name val="Arial"/>
    </font>
    <font>
      <sz val="12"/>
      <name val="Calibri"/>
      <family val="2"/>
      <scheme val="minor"/>
    </font>
    <font>
      <sz val="11"/>
      <name val="Calibri"/>
      <family val="2"/>
      <scheme val="minor"/>
    </font>
    <font>
      <b/>
      <sz val="12"/>
      <name val="Calibri"/>
      <family val="2"/>
      <scheme val="minor"/>
    </font>
    <font>
      <sz val="10"/>
      <name val="Calibri"/>
      <family val="2"/>
      <scheme val="minor"/>
    </font>
    <font>
      <sz val="12"/>
      <color theme="1"/>
      <name val="Arial"/>
      <family val="2"/>
    </font>
    <font>
      <sz val="11"/>
      <name val="Arial"/>
      <family val="2"/>
    </font>
    <font>
      <sz val="12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34998626667073579"/>
        <bgColor indexed="64"/>
      </patternFill>
    </fill>
    <fill>
      <patternFill patternType="solid">
        <fgColor theme="0" tint="-0.14999847407452621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31">
    <xf numFmtId="0" fontId="0" fillId="0" borderId="0" xfId="0"/>
    <xf numFmtId="0" fontId="1" fillId="2" borderId="1" xfId="0" applyFont="1" applyFill="1" applyBorder="1" applyAlignment="1">
      <alignment horizontal="center" vertical="center"/>
    </xf>
    <xf numFmtId="0" fontId="2" fillId="0" borderId="0" xfId="0" applyFont="1" applyFill="1"/>
    <xf numFmtId="0" fontId="3" fillId="3" borderId="1" xfId="0" applyFont="1" applyFill="1" applyBorder="1" applyAlignment="1">
      <alignment horizontal="center" vertical="center"/>
    </xf>
    <xf numFmtId="0" fontId="3" fillId="3" borderId="1" xfId="0" applyFont="1" applyFill="1" applyBorder="1" applyAlignment="1">
      <alignment vertical="center" wrapText="1"/>
    </xf>
    <xf numFmtId="0" fontId="3" fillId="3" borderId="1" xfId="0" applyFont="1" applyFill="1" applyBorder="1" applyAlignment="1">
      <alignment horizontal="left" vertical="center" wrapText="1"/>
    </xf>
    <xf numFmtId="0" fontId="3" fillId="3" borderId="1" xfId="0" applyFont="1" applyFill="1" applyBorder="1" applyAlignment="1">
      <alignment horizontal="center" vertical="center" wrapText="1"/>
    </xf>
    <xf numFmtId="0" fontId="4" fillId="0" borderId="0" xfId="0" applyFont="1" applyFill="1"/>
    <xf numFmtId="0" fontId="4" fillId="3" borderId="0" xfId="0" applyFont="1" applyFill="1"/>
    <xf numFmtId="14" fontId="1" fillId="0" borderId="1" xfId="0" applyNumberFormat="1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left" vertical="center" wrapText="1"/>
    </xf>
    <xf numFmtId="0" fontId="6" fillId="0" borderId="1" xfId="0" applyFont="1" applyBorder="1" applyAlignment="1">
      <alignment horizontal="justify"/>
    </xf>
    <xf numFmtId="0" fontId="7" fillId="0" borderId="1" xfId="0" applyFont="1" applyFill="1" applyBorder="1" applyAlignment="1">
      <alignment vertical="center" wrapText="1"/>
    </xf>
    <xf numFmtId="0" fontId="2" fillId="0" borderId="1" xfId="0" applyFont="1" applyFill="1" applyBorder="1"/>
    <xf numFmtId="0" fontId="7" fillId="0" borderId="2" xfId="0" applyFont="1" applyFill="1" applyBorder="1" applyAlignment="1">
      <alignment vertical="center" wrapText="1"/>
    </xf>
    <xf numFmtId="14" fontId="1" fillId="4" borderId="1" xfId="0" applyNumberFormat="1" applyFont="1" applyFill="1" applyBorder="1" applyAlignment="1">
      <alignment horizontal="center" vertical="center"/>
    </xf>
    <xf numFmtId="0" fontId="2" fillId="4" borderId="0" xfId="0" applyFont="1" applyFill="1"/>
    <xf numFmtId="14" fontId="1" fillId="4" borderId="2" xfId="0" applyNumberFormat="1" applyFont="1" applyFill="1" applyBorder="1" applyAlignment="1">
      <alignment horizontal="center" vertical="center"/>
    </xf>
    <xf numFmtId="0" fontId="1" fillId="0" borderId="0" xfId="0" applyFont="1" applyFill="1" applyBorder="1" applyAlignment="1">
      <alignment vertical="center" wrapText="1"/>
    </xf>
    <xf numFmtId="0" fontId="7" fillId="0" borderId="1" xfId="0" applyFont="1" applyFill="1" applyBorder="1"/>
    <xf numFmtId="0" fontId="1" fillId="0" borderId="0" xfId="0" applyFont="1" applyFill="1" applyBorder="1" applyAlignment="1">
      <alignment horizontal="center" vertical="center" wrapText="1"/>
    </xf>
    <xf numFmtId="0" fontId="5" fillId="0" borderId="0" xfId="0" applyFont="1" applyBorder="1" applyAlignment="1">
      <alignment horizontal="left" vertical="center" wrapText="1"/>
    </xf>
    <xf numFmtId="0" fontId="2" fillId="0" borderId="0" xfId="0" applyFont="1" applyFill="1" applyBorder="1"/>
    <xf numFmtId="0" fontId="7" fillId="0" borderId="1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horizontal="left" vertical="center" wrapText="1"/>
    </xf>
    <xf numFmtId="0" fontId="2" fillId="0" borderId="0" xfId="0" applyFont="1" applyFill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Q40"/>
  <sheetViews>
    <sheetView tabSelected="1" topLeftCell="B1" zoomScale="90" zoomScaleNormal="90" zoomScaleSheetLayoutView="90" workbookViewId="0">
      <selection activeCell="J8" sqref="J8"/>
    </sheetView>
  </sheetViews>
  <sheetFormatPr defaultRowHeight="21" customHeight="1" x14ac:dyDescent="0.25"/>
  <cols>
    <col min="1" max="1" width="12.5703125" style="30" hidden="1" customWidth="1"/>
    <col min="2" max="2" width="29.85546875" style="28" customWidth="1"/>
    <col min="3" max="3" width="62.140625" style="29" customWidth="1"/>
    <col min="4" max="4" width="41.7109375" style="28" customWidth="1"/>
    <col min="5" max="5" width="16.42578125" style="2" customWidth="1"/>
    <col min="6" max="16384" width="9.140625" style="2"/>
  </cols>
  <sheetData>
    <row r="1" spans="1:5" ht="21" customHeight="1" x14ac:dyDescent="0.25">
      <c r="A1" s="1" t="s">
        <v>0</v>
      </c>
      <c r="B1" s="1"/>
      <c r="C1" s="1"/>
      <c r="D1" s="1"/>
    </row>
    <row r="2" spans="1:5" s="8" customFormat="1" ht="20.25" customHeight="1" x14ac:dyDescent="0.2">
      <c r="A2" s="3" t="s">
        <v>1</v>
      </c>
      <c r="B2" s="4" t="s">
        <v>2</v>
      </c>
      <c r="C2" s="5" t="s">
        <v>3</v>
      </c>
      <c r="D2" s="6" t="s">
        <v>4</v>
      </c>
      <c r="E2" s="7"/>
    </row>
    <row r="3" spans="1:5" ht="18" customHeight="1" x14ac:dyDescent="0.25">
      <c r="A3" s="9">
        <v>42377</v>
      </c>
      <c r="B3" s="10" t="s">
        <v>5</v>
      </c>
      <c r="C3" s="11" t="s">
        <v>6</v>
      </c>
      <c r="D3" s="11" t="s">
        <v>7</v>
      </c>
      <c r="E3" s="13" t="s">
        <v>8</v>
      </c>
    </row>
    <row r="4" spans="1:5" ht="18" customHeight="1" x14ac:dyDescent="0.25">
      <c r="A4" s="9">
        <v>42377</v>
      </c>
      <c r="B4" s="14" t="s">
        <v>9</v>
      </c>
      <c r="C4" s="11" t="s">
        <v>10</v>
      </c>
      <c r="D4" s="11" t="s">
        <v>11</v>
      </c>
      <c r="E4" s="13" t="s">
        <v>8</v>
      </c>
    </row>
    <row r="5" spans="1:5" s="16" customFormat="1" ht="18" customHeight="1" x14ac:dyDescent="0.25">
      <c r="A5" s="15">
        <v>42377</v>
      </c>
      <c r="B5" s="14" t="s">
        <v>9</v>
      </c>
      <c r="C5" s="11" t="s">
        <v>10</v>
      </c>
      <c r="D5" s="11" t="s">
        <v>12</v>
      </c>
      <c r="E5" s="13" t="s">
        <v>13</v>
      </c>
    </row>
    <row r="6" spans="1:5" ht="18" customHeight="1" x14ac:dyDescent="0.25">
      <c r="A6" s="9">
        <v>42377</v>
      </c>
      <c r="B6" s="14" t="s">
        <v>9</v>
      </c>
      <c r="C6" s="11" t="s">
        <v>10</v>
      </c>
      <c r="D6" s="11" t="s">
        <v>14</v>
      </c>
      <c r="E6" s="13" t="s">
        <v>8</v>
      </c>
    </row>
    <row r="7" spans="1:5" s="16" customFormat="1" ht="36" customHeight="1" x14ac:dyDescent="0.25">
      <c r="A7" s="15">
        <v>42377</v>
      </c>
      <c r="B7" s="14" t="s">
        <v>9</v>
      </c>
      <c r="C7" s="11" t="s">
        <v>15</v>
      </c>
      <c r="D7" s="11" t="s">
        <v>11</v>
      </c>
      <c r="E7" s="13" t="s">
        <v>8</v>
      </c>
    </row>
    <row r="8" spans="1:5" ht="33.75" customHeight="1" x14ac:dyDescent="0.25">
      <c r="A8" s="9">
        <v>42377</v>
      </c>
      <c r="B8" s="14" t="s">
        <v>9</v>
      </c>
      <c r="C8" s="11" t="s">
        <v>15</v>
      </c>
      <c r="D8" s="11" t="s">
        <v>12</v>
      </c>
      <c r="E8" s="13" t="s">
        <v>13</v>
      </c>
    </row>
    <row r="9" spans="1:5" s="16" customFormat="1" ht="40.5" customHeight="1" x14ac:dyDescent="0.25">
      <c r="A9" s="15">
        <v>42377</v>
      </c>
      <c r="B9" s="14" t="s">
        <v>9</v>
      </c>
      <c r="C9" s="11" t="s">
        <v>15</v>
      </c>
      <c r="D9" s="11" t="s">
        <v>14</v>
      </c>
      <c r="E9" s="13" t="s">
        <v>8</v>
      </c>
    </row>
    <row r="10" spans="1:5" s="16" customFormat="1" ht="18" customHeight="1" x14ac:dyDescent="0.25">
      <c r="A10" s="15">
        <v>42377</v>
      </c>
      <c r="B10" s="14" t="s">
        <v>9</v>
      </c>
      <c r="C10" s="11" t="s">
        <v>16</v>
      </c>
      <c r="D10" s="11" t="s">
        <v>17</v>
      </c>
      <c r="E10" s="13" t="s">
        <v>13</v>
      </c>
    </row>
    <row r="11" spans="1:5" s="16" customFormat="1" ht="18" customHeight="1" x14ac:dyDescent="0.25">
      <c r="A11" s="15">
        <v>42377</v>
      </c>
      <c r="B11" s="14" t="s">
        <v>9</v>
      </c>
      <c r="C11" s="11" t="s">
        <v>18</v>
      </c>
      <c r="D11" s="11" t="s">
        <v>17</v>
      </c>
      <c r="E11" s="13" t="s">
        <v>13</v>
      </c>
    </row>
    <row r="12" spans="1:5" s="16" customFormat="1" ht="18" customHeight="1" x14ac:dyDescent="0.25">
      <c r="A12" s="15"/>
      <c r="B12" s="14" t="s">
        <v>9</v>
      </c>
      <c r="C12" s="11" t="s">
        <v>19</v>
      </c>
      <c r="D12" s="11" t="s">
        <v>17</v>
      </c>
      <c r="E12" s="13" t="s">
        <v>8</v>
      </c>
    </row>
    <row r="13" spans="1:5" ht="22.5" customHeight="1" x14ac:dyDescent="0.25">
      <c r="A13" s="9">
        <v>42377</v>
      </c>
      <c r="B13" s="14" t="s">
        <v>9</v>
      </c>
      <c r="C13" s="11" t="s">
        <v>20</v>
      </c>
      <c r="D13" s="11" t="s">
        <v>21</v>
      </c>
      <c r="E13" s="13" t="s">
        <v>8</v>
      </c>
    </row>
    <row r="14" spans="1:5" s="16" customFormat="1" ht="18" customHeight="1" x14ac:dyDescent="0.25">
      <c r="A14" s="15"/>
      <c r="B14" s="14" t="s">
        <v>9</v>
      </c>
      <c r="C14" s="11" t="s">
        <v>22</v>
      </c>
      <c r="D14" s="11" t="s">
        <v>23</v>
      </c>
      <c r="E14" s="13" t="s">
        <v>13</v>
      </c>
    </row>
    <row r="15" spans="1:5" ht="18" customHeight="1" x14ac:dyDescent="0.25">
      <c r="A15" s="9">
        <v>42377</v>
      </c>
      <c r="B15" s="14" t="s">
        <v>24</v>
      </c>
      <c r="C15" s="11" t="s">
        <v>25</v>
      </c>
      <c r="D15" s="11" t="s">
        <v>11</v>
      </c>
      <c r="E15" s="13" t="s">
        <v>8</v>
      </c>
    </row>
    <row r="16" spans="1:5" ht="18" customHeight="1" x14ac:dyDescent="0.25">
      <c r="A16" s="9"/>
      <c r="B16" s="14" t="s">
        <v>24</v>
      </c>
      <c r="C16" s="11" t="s">
        <v>25</v>
      </c>
      <c r="D16" s="11" t="s">
        <v>14</v>
      </c>
      <c r="E16" s="13" t="s">
        <v>8</v>
      </c>
    </row>
    <row r="17" spans="1:251" ht="18" customHeight="1" x14ac:dyDescent="0.25">
      <c r="A17" s="9"/>
      <c r="B17" s="14" t="s">
        <v>24</v>
      </c>
      <c r="C17" s="11" t="s">
        <v>26</v>
      </c>
      <c r="D17" s="11" t="s">
        <v>12</v>
      </c>
      <c r="E17" s="13" t="s">
        <v>13</v>
      </c>
    </row>
    <row r="18" spans="1:251" ht="18" customHeight="1" x14ac:dyDescent="0.25">
      <c r="A18" s="9"/>
      <c r="B18" s="14" t="s">
        <v>24</v>
      </c>
      <c r="C18" s="11" t="s">
        <v>27</v>
      </c>
      <c r="D18" s="11" t="s">
        <v>17</v>
      </c>
      <c r="E18" s="13" t="s">
        <v>8</v>
      </c>
    </row>
    <row r="19" spans="1:251" s="16" customFormat="1" ht="18" customHeight="1" x14ac:dyDescent="0.25">
      <c r="A19" s="15">
        <v>42377</v>
      </c>
      <c r="B19" s="14" t="s">
        <v>24</v>
      </c>
      <c r="C19" s="11" t="s">
        <v>28</v>
      </c>
      <c r="D19" s="11" t="s">
        <v>21</v>
      </c>
      <c r="E19" s="13" t="s">
        <v>8</v>
      </c>
    </row>
    <row r="20" spans="1:251" ht="18" customHeight="1" x14ac:dyDescent="0.25">
      <c r="A20" s="9">
        <v>42382</v>
      </c>
      <c r="B20" s="12" t="s">
        <v>29</v>
      </c>
      <c r="C20" s="11" t="s">
        <v>30</v>
      </c>
      <c r="D20" s="11" t="s">
        <v>21</v>
      </c>
      <c r="E20" s="13" t="s">
        <v>8</v>
      </c>
    </row>
    <row r="21" spans="1:251" s="16" customFormat="1" ht="18" customHeight="1" x14ac:dyDescent="0.25">
      <c r="A21" s="15">
        <v>42377</v>
      </c>
      <c r="B21" s="12" t="s">
        <v>29</v>
      </c>
      <c r="C21" s="11" t="s">
        <v>31</v>
      </c>
      <c r="D21" s="11" t="s">
        <v>17</v>
      </c>
      <c r="E21" s="13" t="s">
        <v>8</v>
      </c>
    </row>
    <row r="22" spans="1:251" ht="18" customHeight="1" x14ac:dyDescent="0.25">
      <c r="A22" s="9">
        <v>42382</v>
      </c>
      <c r="B22" s="12" t="s">
        <v>29</v>
      </c>
      <c r="C22" s="11" t="s">
        <v>32</v>
      </c>
      <c r="D22" s="11" t="s">
        <v>12</v>
      </c>
      <c r="E22" s="13" t="s">
        <v>13</v>
      </c>
    </row>
    <row r="23" spans="1:251" s="16" customFormat="1" ht="18" customHeight="1" x14ac:dyDescent="0.25">
      <c r="A23" s="17">
        <v>42387</v>
      </c>
      <c r="B23" s="12" t="s">
        <v>29</v>
      </c>
      <c r="C23" s="11" t="s">
        <v>33</v>
      </c>
      <c r="D23" s="11" t="s">
        <v>14</v>
      </c>
      <c r="E23" s="13" t="s">
        <v>8</v>
      </c>
    </row>
    <row r="24" spans="1:251" s="22" customFormat="1" ht="21" customHeight="1" x14ac:dyDescent="0.25">
      <c r="A24" s="18"/>
      <c r="B24" s="19" t="s">
        <v>29</v>
      </c>
      <c r="C24" s="11" t="s">
        <v>34</v>
      </c>
      <c r="D24" s="11" t="s">
        <v>11</v>
      </c>
      <c r="E24" s="13" t="s">
        <v>8</v>
      </c>
      <c r="F24" s="18"/>
      <c r="G24" s="20"/>
      <c r="H24" s="18"/>
      <c r="I24" s="21"/>
      <c r="J24" s="18"/>
      <c r="K24" s="20"/>
      <c r="L24" s="18"/>
      <c r="M24" s="21"/>
      <c r="N24" s="18"/>
      <c r="O24" s="20"/>
      <c r="P24" s="18"/>
      <c r="Q24" s="21"/>
      <c r="R24" s="18"/>
      <c r="S24" s="20"/>
      <c r="T24" s="18"/>
      <c r="U24" s="21"/>
      <c r="V24" s="18"/>
      <c r="W24" s="20"/>
      <c r="X24" s="18"/>
      <c r="Y24" s="21"/>
      <c r="Z24" s="18"/>
      <c r="AA24" s="20"/>
      <c r="AB24" s="18"/>
      <c r="AC24" s="21"/>
      <c r="AD24" s="18"/>
      <c r="AE24" s="20"/>
      <c r="AF24" s="18"/>
      <c r="AG24" s="21"/>
      <c r="AH24" s="18"/>
      <c r="AI24" s="20"/>
      <c r="AJ24" s="18"/>
      <c r="AK24" s="21"/>
      <c r="AL24" s="18"/>
      <c r="AM24" s="20"/>
      <c r="AN24" s="18"/>
      <c r="AO24" s="21"/>
      <c r="AP24" s="18"/>
      <c r="AQ24" s="20"/>
      <c r="AR24" s="18"/>
      <c r="AS24" s="21"/>
      <c r="AT24" s="18"/>
      <c r="AU24" s="20"/>
      <c r="AV24" s="18"/>
      <c r="AW24" s="21"/>
      <c r="AX24" s="18"/>
      <c r="AY24" s="20"/>
      <c r="AZ24" s="18"/>
      <c r="BA24" s="21"/>
      <c r="BB24" s="18"/>
      <c r="BC24" s="20"/>
      <c r="BD24" s="18"/>
      <c r="BE24" s="21"/>
      <c r="BF24" s="18"/>
      <c r="BG24" s="20"/>
      <c r="BH24" s="18"/>
      <c r="BI24" s="21"/>
      <c r="BJ24" s="18"/>
      <c r="BK24" s="20"/>
      <c r="BL24" s="18"/>
      <c r="BM24" s="21"/>
      <c r="BN24" s="18"/>
      <c r="BO24" s="20"/>
      <c r="BP24" s="18"/>
      <c r="BQ24" s="21"/>
      <c r="BR24" s="18"/>
      <c r="BS24" s="20"/>
      <c r="BT24" s="18"/>
      <c r="BU24" s="21"/>
      <c r="BV24" s="18"/>
      <c r="BW24" s="20"/>
      <c r="BX24" s="18"/>
      <c r="BY24" s="21"/>
      <c r="BZ24" s="18"/>
      <c r="CA24" s="20"/>
      <c r="CB24" s="18"/>
      <c r="CC24" s="21"/>
      <c r="CD24" s="18"/>
      <c r="CE24" s="20"/>
      <c r="CF24" s="18"/>
      <c r="CG24" s="21"/>
      <c r="CH24" s="18"/>
      <c r="CI24" s="20"/>
      <c r="CJ24" s="18"/>
      <c r="CK24" s="21"/>
      <c r="CL24" s="18"/>
      <c r="CM24" s="20"/>
      <c r="CN24" s="18"/>
      <c r="CO24" s="21"/>
      <c r="CP24" s="18"/>
      <c r="CQ24" s="20"/>
      <c r="CR24" s="18"/>
      <c r="CS24" s="21"/>
      <c r="CT24" s="18"/>
      <c r="CU24" s="20"/>
      <c r="CV24" s="18"/>
      <c r="CW24" s="21"/>
      <c r="CX24" s="18"/>
      <c r="CY24" s="20"/>
      <c r="CZ24" s="18"/>
      <c r="DA24" s="21"/>
      <c r="DB24" s="18"/>
      <c r="DC24" s="20"/>
      <c r="DD24" s="18"/>
      <c r="DE24" s="21"/>
      <c r="DF24" s="18"/>
      <c r="DG24" s="20"/>
      <c r="DH24" s="18"/>
      <c r="DI24" s="21"/>
      <c r="DJ24" s="18"/>
      <c r="DK24" s="20"/>
      <c r="DL24" s="18"/>
      <c r="DM24" s="21"/>
      <c r="DN24" s="18"/>
      <c r="DO24" s="20"/>
      <c r="DP24" s="18"/>
      <c r="DQ24" s="21"/>
      <c r="DR24" s="18"/>
      <c r="DS24" s="20"/>
      <c r="DT24" s="18"/>
      <c r="DU24" s="21"/>
      <c r="DV24" s="18"/>
      <c r="DW24" s="20"/>
      <c r="DX24" s="18"/>
      <c r="DY24" s="21"/>
      <c r="DZ24" s="18"/>
      <c r="EA24" s="20"/>
      <c r="EB24" s="18"/>
      <c r="EC24" s="21"/>
      <c r="ED24" s="18"/>
      <c r="EE24" s="20"/>
      <c r="EF24" s="18"/>
      <c r="EG24" s="21"/>
      <c r="EH24" s="18"/>
      <c r="EI24" s="20"/>
      <c r="EJ24" s="18"/>
      <c r="EK24" s="21"/>
      <c r="EL24" s="18"/>
      <c r="EM24" s="20"/>
      <c r="EN24" s="18"/>
      <c r="EO24" s="21"/>
      <c r="EP24" s="18"/>
      <c r="EQ24" s="20"/>
      <c r="ER24" s="18"/>
      <c r="ES24" s="21"/>
      <c r="ET24" s="18"/>
      <c r="EU24" s="20"/>
      <c r="EV24" s="18"/>
      <c r="EW24" s="21"/>
      <c r="EX24" s="18"/>
      <c r="EY24" s="20"/>
      <c r="EZ24" s="18"/>
      <c r="FA24" s="21"/>
      <c r="FB24" s="18"/>
      <c r="FC24" s="20"/>
      <c r="FD24" s="18"/>
      <c r="FE24" s="21"/>
      <c r="FF24" s="18"/>
      <c r="FG24" s="20"/>
      <c r="FH24" s="18"/>
      <c r="FI24" s="21"/>
      <c r="FJ24" s="18"/>
      <c r="FK24" s="20"/>
      <c r="FL24" s="18"/>
      <c r="FM24" s="21"/>
      <c r="FN24" s="18"/>
      <c r="FO24" s="20"/>
      <c r="FP24" s="18"/>
      <c r="FQ24" s="21"/>
      <c r="FR24" s="18"/>
      <c r="FS24" s="20"/>
      <c r="FT24" s="18"/>
      <c r="FU24" s="21"/>
      <c r="FV24" s="18"/>
      <c r="FW24" s="20"/>
      <c r="FX24" s="18"/>
      <c r="FY24" s="21"/>
      <c r="FZ24" s="18"/>
      <c r="GA24" s="20"/>
      <c r="GB24" s="18"/>
      <c r="GC24" s="21"/>
      <c r="GD24" s="18"/>
      <c r="GE24" s="20"/>
      <c r="GF24" s="18"/>
      <c r="GG24" s="21"/>
      <c r="GH24" s="18"/>
      <c r="GI24" s="20"/>
      <c r="GJ24" s="18"/>
      <c r="GK24" s="21"/>
      <c r="GL24" s="18"/>
      <c r="GM24" s="20"/>
      <c r="GN24" s="18"/>
      <c r="GO24" s="21"/>
      <c r="GP24" s="18"/>
      <c r="GQ24" s="20"/>
      <c r="GR24" s="18"/>
      <c r="GS24" s="21"/>
      <c r="GT24" s="18"/>
      <c r="GU24" s="20"/>
      <c r="GV24" s="18"/>
      <c r="GW24" s="21"/>
      <c r="GX24" s="18"/>
      <c r="GY24" s="20"/>
      <c r="GZ24" s="18"/>
      <c r="HA24" s="21"/>
      <c r="HB24" s="18"/>
      <c r="HC24" s="20"/>
      <c r="HD24" s="18"/>
      <c r="HE24" s="21"/>
      <c r="HF24" s="18"/>
      <c r="HG24" s="20"/>
      <c r="HH24" s="18"/>
      <c r="HI24" s="21"/>
      <c r="HJ24" s="18"/>
      <c r="HK24" s="20"/>
      <c r="HL24" s="18"/>
      <c r="HM24" s="21"/>
      <c r="HN24" s="18"/>
      <c r="HO24" s="20"/>
      <c r="HP24" s="18"/>
      <c r="HQ24" s="21"/>
      <c r="HR24" s="18"/>
      <c r="HS24" s="20"/>
      <c r="HT24" s="18"/>
      <c r="HU24" s="21"/>
      <c r="HV24" s="18"/>
      <c r="HW24" s="20"/>
      <c r="HX24" s="18"/>
      <c r="HY24" s="21"/>
      <c r="HZ24" s="18"/>
      <c r="IA24" s="20"/>
      <c r="IB24" s="18"/>
      <c r="IC24" s="21"/>
      <c r="ID24" s="18"/>
      <c r="IE24" s="20"/>
      <c r="IF24" s="18"/>
      <c r="IG24" s="21"/>
      <c r="IH24" s="18"/>
      <c r="II24" s="20"/>
      <c r="IJ24" s="18"/>
      <c r="IK24" s="21"/>
      <c r="IL24" s="18"/>
      <c r="IM24" s="20"/>
      <c r="IN24" s="18"/>
      <c r="IO24" s="21"/>
      <c r="IP24" s="18"/>
      <c r="IQ24" s="20"/>
    </row>
    <row r="25" spans="1:251" s="22" customFormat="1" ht="21" customHeight="1" x14ac:dyDescent="0.25">
      <c r="A25" s="18"/>
      <c r="B25" s="23" t="s">
        <v>35</v>
      </c>
      <c r="C25" s="11" t="s">
        <v>36</v>
      </c>
      <c r="D25" s="11" t="s">
        <v>17</v>
      </c>
      <c r="E25" s="13" t="s">
        <v>13</v>
      </c>
      <c r="F25" s="18"/>
      <c r="G25" s="20"/>
      <c r="H25" s="18"/>
      <c r="I25" s="21"/>
      <c r="J25" s="18"/>
      <c r="K25" s="20"/>
      <c r="L25" s="18"/>
      <c r="M25" s="21"/>
      <c r="N25" s="18"/>
      <c r="O25" s="20"/>
      <c r="P25" s="18"/>
      <c r="Q25" s="21"/>
      <c r="R25" s="18"/>
      <c r="S25" s="20"/>
      <c r="T25" s="18"/>
      <c r="U25" s="21"/>
      <c r="V25" s="18"/>
      <c r="W25" s="20"/>
      <c r="X25" s="18"/>
      <c r="Y25" s="21"/>
      <c r="Z25" s="18"/>
      <c r="AA25" s="20"/>
      <c r="AB25" s="18"/>
      <c r="AC25" s="21"/>
      <c r="AD25" s="18"/>
      <c r="AE25" s="20"/>
      <c r="AF25" s="18"/>
      <c r="AG25" s="21"/>
      <c r="AH25" s="18"/>
      <c r="AI25" s="20"/>
      <c r="AJ25" s="18"/>
      <c r="AK25" s="21"/>
      <c r="AL25" s="18"/>
      <c r="AM25" s="20"/>
      <c r="AN25" s="18"/>
      <c r="AO25" s="21"/>
      <c r="AP25" s="18"/>
      <c r="AQ25" s="20"/>
      <c r="AR25" s="18"/>
      <c r="AS25" s="21"/>
      <c r="AT25" s="18"/>
      <c r="AU25" s="20"/>
      <c r="AV25" s="18"/>
      <c r="AW25" s="21"/>
      <c r="AX25" s="18"/>
      <c r="AY25" s="20"/>
      <c r="AZ25" s="18"/>
      <c r="BA25" s="21"/>
      <c r="BB25" s="18"/>
      <c r="BC25" s="20"/>
      <c r="BD25" s="18"/>
      <c r="BE25" s="21"/>
      <c r="BF25" s="18"/>
      <c r="BG25" s="20"/>
      <c r="BH25" s="18"/>
      <c r="BI25" s="21"/>
      <c r="BJ25" s="18"/>
      <c r="BK25" s="20"/>
      <c r="BL25" s="18"/>
      <c r="BM25" s="21"/>
      <c r="BN25" s="18"/>
      <c r="BO25" s="20"/>
      <c r="BP25" s="18"/>
      <c r="BQ25" s="21"/>
      <c r="BR25" s="18"/>
      <c r="BS25" s="20"/>
      <c r="BT25" s="18"/>
      <c r="BU25" s="21"/>
      <c r="BV25" s="18"/>
      <c r="BW25" s="20"/>
      <c r="BX25" s="18"/>
      <c r="BY25" s="21"/>
      <c r="BZ25" s="18"/>
      <c r="CA25" s="20"/>
      <c r="CB25" s="18"/>
      <c r="CC25" s="21"/>
      <c r="CD25" s="18"/>
      <c r="CE25" s="20"/>
      <c r="CF25" s="18"/>
      <c r="CG25" s="21"/>
      <c r="CH25" s="18"/>
      <c r="CI25" s="20"/>
      <c r="CJ25" s="18"/>
      <c r="CK25" s="21"/>
      <c r="CL25" s="18"/>
      <c r="CM25" s="20"/>
      <c r="CN25" s="18"/>
      <c r="CO25" s="21"/>
      <c r="CP25" s="18"/>
      <c r="CQ25" s="20"/>
      <c r="CR25" s="18"/>
      <c r="CS25" s="21"/>
      <c r="CT25" s="18"/>
      <c r="CU25" s="20"/>
      <c r="CV25" s="18"/>
      <c r="CW25" s="21"/>
      <c r="CX25" s="18"/>
      <c r="CY25" s="20"/>
      <c r="CZ25" s="18"/>
      <c r="DA25" s="21"/>
      <c r="DB25" s="18"/>
      <c r="DC25" s="20"/>
      <c r="DD25" s="18"/>
      <c r="DE25" s="21"/>
      <c r="DF25" s="18"/>
      <c r="DG25" s="20"/>
      <c r="DH25" s="18"/>
      <c r="DI25" s="21"/>
      <c r="DJ25" s="18"/>
      <c r="DK25" s="20"/>
      <c r="DL25" s="18"/>
      <c r="DM25" s="21"/>
      <c r="DN25" s="18"/>
      <c r="DO25" s="20"/>
      <c r="DP25" s="18"/>
      <c r="DQ25" s="21"/>
      <c r="DR25" s="18"/>
      <c r="DS25" s="20"/>
      <c r="DT25" s="18"/>
      <c r="DU25" s="21"/>
      <c r="DV25" s="18"/>
      <c r="DW25" s="20"/>
      <c r="DX25" s="18"/>
      <c r="DY25" s="21"/>
      <c r="DZ25" s="18"/>
      <c r="EA25" s="20"/>
      <c r="EB25" s="18"/>
      <c r="EC25" s="21"/>
      <c r="ED25" s="18"/>
      <c r="EE25" s="20"/>
      <c r="EF25" s="18"/>
      <c r="EG25" s="21"/>
      <c r="EH25" s="18"/>
      <c r="EI25" s="20"/>
      <c r="EJ25" s="18"/>
      <c r="EK25" s="21"/>
      <c r="EL25" s="18"/>
      <c r="EM25" s="20"/>
      <c r="EN25" s="18"/>
      <c r="EO25" s="21"/>
      <c r="EP25" s="18"/>
      <c r="EQ25" s="20"/>
      <c r="ER25" s="18"/>
      <c r="ES25" s="21"/>
      <c r="ET25" s="18"/>
      <c r="EU25" s="20"/>
      <c r="EV25" s="18"/>
      <c r="EW25" s="21"/>
      <c r="EX25" s="18"/>
      <c r="EY25" s="20"/>
      <c r="EZ25" s="18"/>
      <c r="FA25" s="21"/>
      <c r="FB25" s="18"/>
      <c r="FC25" s="20"/>
      <c r="FD25" s="18"/>
      <c r="FE25" s="21"/>
      <c r="FF25" s="18"/>
      <c r="FG25" s="20"/>
      <c r="FH25" s="18"/>
      <c r="FI25" s="21"/>
      <c r="FJ25" s="18"/>
      <c r="FK25" s="20"/>
      <c r="FL25" s="18"/>
      <c r="FM25" s="21"/>
      <c r="FN25" s="18"/>
      <c r="FO25" s="20"/>
      <c r="FP25" s="18"/>
      <c r="FQ25" s="21"/>
      <c r="FR25" s="18"/>
      <c r="FS25" s="20"/>
      <c r="FT25" s="18"/>
      <c r="FU25" s="21"/>
      <c r="FV25" s="18"/>
      <c r="FW25" s="20"/>
      <c r="FX25" s="18"/>
      <c r="FY25" s="21"/>
      <c r="FZ25" s="18"/>
      <c r="GA25" s="20"/>
      <c r="GB25" s="18"/>
      <c r="GC25" s="21"/>
      <c r="GD25" s="18"/>
      <c r="GE25" s="20"/>
      <c r="GF25" s="18"/>
      <c r="GG25" s="21"/>
      <c r="GH25" s="18"/>
      <c r="GI25" s="20"/>
      <c r="GJ25" s="18"/>
      <c r="GK25" s="21"/>
      <c r="GL25" s="18"/>
      <c r="GM25" s="20"/>
      <c r="GN25" s="18"/>
      <c r="GO25" s="21"/>
      <c r="GP25" s="18"/>
      <c r="GQ25" s="20"/>
      <c r="GR25" s="18"/>
      <c r="GS25" s="21"/>
      <c r="GT25" s="18"/>
      <c r="GU25" s="20"/>
      <c r="GV25" s="18"/>
      <c r="GW25" s="21"/>
      <c r="GX25" s="18"/>
      <c r="GY25" s="20"/>
      <c r="GZ25" s="18"/>
      <c r="HA25" s="21"/>
      <c r="HB25" s="18"/>
      <c r="HC25" s="20"/>
      <c r="HD25" s="18"/>
      <c r="HE25" s="21"/>
      <c r="HF25" s="18"/>
      <c r="HG25" s="20"/>
      <c r="HH25" s="18"/>
      <c r="HI25" s="21"/>
      <c r="HJ25" s="18"/>
      <c r="HK25" s="20"/>
      <c r="HL25" s="18"/>
      <c r="HM25" s="21"/>
      <c r="HN25" s="18"/>
      <c r="HO25" s="20"/>
      <c r="HP25" s="18"/>
      <c r="HQ25" s="21"/>
      <c r="HR25" s="18"/>
      <c r="HS25" s="20"/>
      <c r="HT25" s="18"/>
      <c r="HU25" s="21"/>
      <c r="HV25" s="18"/>
      <c r="HW25" s="20"/>
      <c r="HX25" s="18"/>
      <c r="HY25" s="21"/>
      <c r="HZ25" s="18"/>
      <c r="IA25" s="20"/>
      <c r="IB25" s="18"/>
      <c r="IC25" s="21"/>
      <c r="ID25" s="18"/>
      <c r="IE25" s="20"/>
      <c r="IF25" s="18"/>
      <c r="IG25" s="21"/>
      <c r="IH25" s="18"/>
      <c r="II25" s="20"/>
      <c r="IJ25" s="18"/>
      <c r="IK25" s="21"/>
      <c r="IL25" s="18"/>
      <c r="IM25" s="20"/>
      <c r="IN25" s="18"/>
      <c r="IO25" s="21"/>
      <c r="IP25" s="18"/>
      <c r="IQ25" s="20"/>
    </row>
    <row r="26" spans="1:251" s="22" customFormat="1" ht="34.5" customHeight="1" x14ac:dyDescent="0.25">
      <c r="A26" s="18"/>
      <c r="B26" s="23" t="s">
        <v>37</v>
      </c>
      <c r="C26" s="11" t="s">
        <v>38</v>
      </c>
      <c r="D26" s="11" t="s">
        <v>7</v>
      </c>
      <c r="E26" s="13" t="s">
        <v>8</v>
      </c>
      <c r="F26" s="18"/>
      <c r="G26" s="20"/>
      <c r="H26" s="18"/>
      <c r="I26" s="21"/>
      <c r="J26" s="18"/>
      <c r="K26" s="20"/>
      <c r="L26" s="18"/>
      <c r="M26" s="21"/>
      <c r="N26" s="18"/>
      <c r="O26" s="20"/>
      <c r="P26" s="18"/>
      <c r="Q26" s="21"/>
      <c r="R26" s="18"/>
      <c r="S26" s="20"/>
      <c r="T26" s="18"/>
      <c r="U26" s="21"/>
      <c r="V26" s="18"/>
      <c r="W26" s="20"/>
      <c r="X26" s="18"/>
      <c r="Y26" s="21"/>
      <c r="Z26" s="18"/>
      <c r="AA26" s="20"/>
      <c r="AB26" s="18"/>
      <c r="AC26" s="21"/>
      <c r="AD26" s="18"/>
      <c r="AE26" s="20"/>
      <c r="AF26" s="18"/>
      <c r="AG26" s="21"/>
      <c r="AH26" s="18"/>
      <c r="AI26" s="20"/>
      <c r="AJ26" s="18"/>
      <c r="AK26" s="21"/>
      <c r="AL26" s="18"/>
      <c r="AM26" s="20"/>
      <c r="AN26" s="18"/>
      <c r="AO26" s="21"/>
      <c r="AP26" s="18"/>
      <c r="AQ26" s="20"/>
      <c r="AR26" s="18"/>
      <c r="AS26" s="21"/>
      <c r="AT26" s="18"/>
      <c r="AU26" s="20"/>
      <c r="AV26" s="18"/>
      <c r="AW26" s="21"/>
      <c r="AX26" s="18"/>
      <c r="AY26" s="20"/>
      <c r="AZ26" s="18"/>
      <c r="BA26" s="21"/>
      <c r="BB26" s="18"/>
      <c r="BC26" s="20"/>
      <c r="BD26" s="18"/>
      <c r="BE26" s="21"/>
      <c r="BF26" s="18"/>
      <c r="BG26" s="20"/>
      <c r="BH26" s="18"/>
      <c r="BI26" s="21"/>
      <c r="BJ26" s="18"/>
      <c r="BK26" s="20"/>
      <c r="BL26" s="18"/>
      <c r="BM26" s="21"/>
      <c r="BN26" s="18"/>
      <c r="BO26" s="20"/>
      <c r="BP26" s="18"/>
      <c r="BQ26" s="21"/>
      <c r="BR26" s="18"/>
      <c r="BS26" s="20"/>
      <c r="BT26" s="18"/>
      <c r="BU26" s="21"/>
      <c r="BV26" s="18"/>
      <c r="BW26" s="20"/>
      <c r="BX26" s="18"/>
      <c r="BY26" s="21"/>
      <c r="BZ26" s="18"/>
      <c r="CA26" s="20"/>
      <c r="CB26" s="18"/>
      <c r="CC26" s="21"/>
      <c r="CD26" s="18"/>
      <c r="CE26" s="20"/>
      <c r="CF26" s="18"/>
      <c r="CG26" s="21"/>
      <c r="CH26" s="18"/>
      <c r="CI26" s="20"/>
      <c r="CJ26" s="18"/>
      <c r="CK26" s="21"/>
      <c r="CL26" s="18"/>
      <c r="CM26" s="20"/>
      <c r="CN26" s="18"/>
      <c r="CO26" s="21"/>
      <c r="CP26" s="18"/>
      <c r="CQ26" s="20"/>
      <c r="CR26" s="18"/>
      <c r="CS26" s="21"/>
      <c r="CT26" s="18"/>
      <c r="CU26" s="20"/>
      <c r="CV26" s="18"/>
      <c r="CW26" s="21"/>
      <c r="CX26" s="18"/>
      <c r="CY26" s="20"/>
      <c r="CZ26" s="18"/>
      <c r="DA26" s="21"/>
      <c r="DB26" s="18"/>
      <c r="DC26" s="20"/>
      <c r="DD26" s="18"/>
      <c r="DE26" s="21"/>
      <c r="DF26" s="18"/>
      <c r="DG26" s="20"/>
      <c r="DH26" s="18"/>
      <c r="DI26" s="21"/>
      <c r="DJ26" s="18"/>
      <c r="DK26" s="20"/>
      <c r="DL26" s="18"/>
      <c r="DM26" s="21"/>
      <c r="DN26" s="18"/>
      <c r="DO26" s="20"/>
      <c r="DP26" s="18"/>
      <c r="DQ26" s="21"/>
      <c r="DR26" s="18"/>
      <c r="DS26" s="20"/>
      <c r="DT26" s="18"/>
      <c r="DU26" s="21"/>
      <c r="DV26" s="18"/>
      <c r="DW26" s="20"/>
      <c r="DX26" s="18"/>
      <c r="DY26" s="21"/>
      <c r="DZ26" s="18"/>
      <c r="EA26" s="20"/>
      <c r="EB26" s="18"/>
      <c r="EC26" s="21"/>
      <c r="ED26" s="18"/>
      <c r="EE26" s="20"/>
      <c r="EF26" s="18"/>
      <c r="EG26" s="21"/>
      <c r="EH26" s="18"/>
      <c r="EI26" s="20"/>
      <c r="EJ26" s="18"/>
      <c r="EK26" s="21"/>
      <c r="EL26" s="18"/>
      <c r="EM26" s="20"/>
      <c r="EN26" s="18"/>
      <c r="EO26" s="21"/>
      <c r="EP26" s="18"/>
      <c r="EQ26" s="20"/>
      <c r="ER26" s="18"/>
      <c r="ES26" s="21"/>
      <c r="ET26" s="18"/>
      <c r="EU26" s="20"/>
      <c r="EV26" s="18"/>
      <c r="EW26" s="21"/>
      <c r="EX26" s="18"/>
      <c r="EY26" s="20"/>
      <c r="EZ26" s="18"/>
      <c r="FA26" s="21"/>
      <c r="FB26" s="18"/>
      <c r="FC26" s="20"/>
      <c r="FD26" s="18"/>
      <c r="FE26" s="21"/>
      <c r="FF26" s="18"/>
      <c r="FG26" s="20"/>
      <c r="FH26" s="18"/>
      <c r="FI26" s="21"/>
      <c r="FJ26" s="18"/>
      <c r="FK26" s="20"/>
      <c r="FL26" s="18"/>
      <c r="FM26" s="21"/>
      <c r="FN26" s="18"/>
      <c r="FO26" s="20"/>
      <c r="FP26" s="18"/>
      <c r="FQ26" s="21"/>
      <c r="FR26" s="18"/>
      <c r="FS26" s="20"/>
      <c r="FT26" s="18"/>
      <c r="FU26" s="21"/>
      <c r="FV26" s="18"/>
      <c r="FW26" s="20"/>
      <c r="FX26" s="18"/>
      <c r="FY26" s="21"/>
      <c r="FZ26" s="18"/>
      <c r="GA26" s="20"/>
      <c r="GB26" s="18"/>
      <c r="GC26" s="21"/>
      <c r="GD26" s="18"/>
      <c r="GE26" s="20"/>
      <c r="GF26" s="18"/>
      <c r="GG26" s="21"/>
      <c r="GH26" s="18"/>
      <c r="GI26" s="20"/>
      <c r="GJ26" s="18"/>
      <c r="GK26" s="21"/>
      <c r="GL26" s="18"/>
      <c r="GM26" s="20"/>
      <c r="GN26" s="18"/>
      <c r="GO26" s="21"/>
      <c r="GP26" s="18"/>
      <c r="GQ26" s="20"/>
      <c r="GR26" s="18"/>
      <c r="GS26" s="21"/>
      <c r="GT26" s="18"/>
      <c r="GU26" s="20"/>
      <c r="GV26" s="18"/>
      <c r="GW26" s="21"/>
      <c r="GX26" s="18"/>
      <c r="GY26" s="20"/>
      <c r="GZ26" s="18"/>
      <c r="HA26" s="21"/>
      <c r="HB26" s="18"/>
      <c r="HC26" s="20"/>
      <c r="HD26" s="18"/>
      <c r="HE26" s="21"/>
      <c r="HF26" s="18"/>
      <c r="HG26" s="20"/>
      <c r="HH26" s="18"/>
      <c r="HI26" s="21"/>
      <c r="HJ26" s="18"/>
      <c r="HK26" s="20"/>
      <c r="HL26" s="18"/>
      <c r="HM26" s="21"/>
      <c r="HN26" s="18"/>
      <c r="HO26" s="20"/>
      <c r="HP26" s="18"/>
      <c r="HQ26" s="21"/>
      <c r="HR26" s="18"/>
      <c r="HS26" s="20"/>
      <c r="HT26" s="18"/>
      <c r="HU26" s="21"/>
      <c r="HV26" s="18"/>
      <c r="HW26" s="20"/>
      <c r="HX26" s="18"/>
      <c r="HY26" s="21"/>
      <c r="HZ26" s="18"/>
      <c r="IA26" s="20"/>
      <c r="IB26" s="18"/>
      <c r="IC26" s="21"/>
      <c r="ID26" s="18"/>
      <c r="IE26" s="20"/>
      <c r="IF26" s="18"/>
      <c r="IG26" s="21"/>
      <c r="IH26" s="18"/>
      <c r="II26" s="20"/>
      <c r="IJ26" s="18"/>
      <c r="IK26" s="21"/>
      <c r="IL26" s="18"/>
      <c r="IM26" s="20"/>
      <c r="IN26" s="18"/>
      <c r="IO26" s="21"/>
      <c r="IP26" s="18"/>
      <c r="IQ26" s="20"/>
    </row>
    <row r="27" spans="1:251" s="22" customFormat="1" ht="21" customHeight="1" x14ac:dyDescent="0.25">
      <c r="A27" s="18"/>
      <c r="B27" s="23" t="s">
        <v>39</v>
      </c>
      <c r="C27" s="11" t="s">
        <v>40</v>
      </c>
      <c r="D27" s="11" t="s">
        <v>17</v>
      </c>
      <c r="E27" s="13" t="s">
        <v>13</v>
      </c>
      <c r="F27" s="18"/>
      <c r="G27" s="20"/>
      <c r="H27" s="18"/>
      <c r="I27" s="21"/>
      <c r="J27" s="18"/>
      <c r="K27" s="20"/>
      <c r="L27" s="18"/>
      <c r="M27" s="21"/>
      <c r="N27" s="18"/>
      <c r="O27" s="20"/>
      <c r="P27" s="18"/>
      <c r="Q27" s="21"/>
      <c r="R27" s="18"/>
      <c r="S27" s="20"/>
      <c r="T27" s="18"/>
      <c r="U27" s="21"/>
      <c r="V27" s="18"/>
      <c r="W27" s="20"/>
      <c r="X27" s="18"/>
      <c r="Y27" s="21"/>
      <c r="Z27" s="18"/>
      <c r="AA27" s="20"/>
      <c r="AB27" s="18"/>
      <c r="AC27" s="21"/>
      <c r="AD27" s="18"/>
      <c r="AE27" s="20"/>
      <c r="AF27" s="18"/>
      <c r="AG27" s="21"/>
      <c r="AH27" s="18"/>
      <c r="AI27" s="20"/>
      <c r="AJ27" s="18"/>
      <c r="AK27" s="21"/>
      <c r="AL27" s="18"/>
      <c r="AM27" s="20"/>
      <c r="AN27" s="18"/>
      <c r="AO27" s="21"/>
      <c r="AP27" s="18"/>
      <c r="AQ27" s="20"/>
      <c r="AR27" s="18"/>
      <c r="AS27" s="21"/>
      <c r="AT27" s="18"/>
      <c r="AU27" s="20"/>
      <c r="AV27" s="18"/>
      <c r="AW27" s="21"/>
      <c r="AX27" s="18"/>
      <c r="AY27" s="20"/>
      <c r="AZ27" s="18"/>
      <c r="BA27" s="21"/>
      <c r="BB27" s="18"/>
      <c r="BC27" s="20"/>
      <c r="BD27" s="18"/>
      <c r="BE27" s="21"/>
      <c r="BF27" s="18"/>
      <c r="BG27" s="20"/>
      <c r="BH27" s="18"/>
      <c r="BI27" s="21"/>
      <c r="BJ27" s="18"/>
      <c r="BK27" s="20"/>
      <c r="BL27" s="18"/>
      <c r="BM27" s="21"/>
      <c r="BN27" s="18"/>
      <c r="BO27" s="20"/>
      <c r="BP27" s="18"/>
      <c r="BQ27" s="21"/>
      <c r="BR27" s="18"/>
      <c r="BS27" s="20"/>
      <c r="BT27" s="18"/>
      <c r="BU27" s="21"/>
      <c r="BV27" s="18"/>
      <c r="BW27" s="20"/>
      <c r="BX27" s="18"/>
      <c r="BY27" s="21"/>
      <c r="BZ27" s="18"/>
      <c r="CA27" s="20"/>
      <c r="CB27" s="18"/>
      <c r="CC27" s="21"/>
      <c r="CD27" s="18"/>
      <c r="CE27" s="20"/>
      <c r="CF27" s="18"/>
      <c r="CG27" s="21"/>
      <c r="CH27" s="18"/>
      <c r="CI27" s="20"/>
      <c r="CJ27" s="18"/>
      <c r="CK27" s="21"/>
      <c r="CL27" s="18"/>
      <c r="CM27" s="20"/>
      <c r="CN27" s="18"/>
      <c r="CO27" s="21"/>
      <c r="CP27" s="18"/>
      <c r="CQ27" s="20"/>
      <c r="CR27" s="18"/>
      <c r="CS27" s="21"/>
      <c r="CT27" s="18"/>
      <c r="CU27" s="20"/>
      <c r="CV27" s="18"/>
      <c r="CW27" s="21"/>
      <c r="CX27" s="18"/>
      <c r="CY27" s="20"/>
      <c r="CZ27" s="18"/>
      <c r="DA27" s="21"/>
      <c r="DB27" s="18"/>
      <c r="DC27" s="20"/>
      <c r="DD27" s="18"/>
      <c r="DE27" s="21"/>
      <c r="DF27" s="18"/>
      <c r="DG27" s="20"/>
      <c r="DH27" s="18"/>
      <c r="DI27" s="21"/>
      <c r="DJ27" s="18"/>
      <c r="DK27" s="20"/>
      <c r="DL27" s="18"/>
      <c r="DM27" s="21"/>
      <c r="DN27" s="18"/>
      <c r="DO27" s="20"/>
      <c r="DP27" s="18"/>
      <c r="DQ27" s="21"/>
      <c r="DR27" s="18"/>
      <c r="DS27" s="20"/>
      <c r="DT27" s="18"/>
      <c r="DU27" s="21"/>
      <c r="DV27" s="18"/>
      <c r="DW27" s="20"/>
      <c r="DX27" s="18"/>
      <c r="DY27" s="21"/>
      <c r="DZ27" s="18"/>
      <c r="EA27" s="20"/>
      <c r="EB27" s="18"/>
      <c r="EC27" s="21"/>
      <c r="ED27" s="18"/>
      <c r="EE27" s="20"/>
      <c r="EF27" s="18"/>
      <c r="EG27" s="21"/>
      <c r="EH27" s="18"/>
      <c r="EI27" s="20"/>
      <c r="EJ27" s="18"/>
      <c r="EK27" s="21"/>
      <c r="EL27" s="18"/>
      <c r="EM27" s="20"/>
      <c r="EN27" s="18"/>
      <c r="EO27" s="21"/>
      <c r="EP27" s="18"/>
      <c r="EQ27" s="20"/>
      <c r="ER27" s="18"/>
      <c r="ES27" s="21"/>
      <c r="ET27" s="18"/>
      <c r="EU27" s="20"/>
      <c r="EV27" s="18"/>
      <c r="EW27" s="21"/>
      <c r="EX27" s="18"/>
      <c r="EY27" s="20"/>
      <c r="EZ27" s="18"/>
      <c r="FA27" s="21"/>
      <c r="FB27" s="18"/>
      <c r="FC27" s="20"/>
      <c r="FD27" s="18"/>
      <c r="FE27" s="21"/>
      <c r="FF27" s="18"/>
      <c r="FG27" s="20"/>
      <c r="FH27" s="18"/>
      <c r="FI27" s="21"/>
      <c r="FJ27" s="18"/>
      <c r="FK27" s="20"/>
      <c r="FL27" s="18"/>
      <c r="FM27" s="21"/>
      <c r="FN27" s="18"/>
      <c r="FO27" s="20"/>
      <c r="FP27" s="18"/>
      <c r="FQ27" s="21"/>
      <c r="FR27" s="18"/>
      <c r="FS27" s="20"/>
      <c r="FT27" s="18"/>
      <c r="FU27" s="21"/>
      <c r="FV27" s="18"/>
      <c r="FW27" s="20"/>
      <c r="FX27" s="18"/>
      <c r="FY27" s="21"/>
      <c r="FZ27" s="18"/>
      <c r="GA27" s="20"/>
      <c r="GB27" s="18"/>
      <c r="GC27" s="21"/>
      <c r="GD27" s="18"/>
      <c r="GE27" s="20"/>
      <c r="GF27" s="18"/>
      <c r="GG27" s="21"/>
      <c r="GH27" s="18"/>
      <c r="GI27" s="20"/>
      <c r="GJ27" s="18"/>
      <c r="GK27" s="21"/>
      <c r="GL27" s="18"/>
      <c r="GM27" s="20"/>
      <c r="GN27" s="18"/>
      <c r="GO27" s="21"/>
      <c r="GP27" s="18"/>
      <c r="GQ27" s="20"/>
      <c r="GR27" s="18"/>
      <c r="GS27" s="21"/>
      <c r="GT27" s="18"/>
      <c r="GU27" s="20"/>
      <c r="GV27" s="18"/>
      <c r="GW27" s="21"/>
      <c r="GX27" s="18"/>
      <c r="GY27" s="20"/>
      <c r="GZ27" s="18"/>
      <c r="HA27" s="21"/>
      <c r="HB27" s="18"/>
      <c r="HC27" s="20"/>
      <c r="HD27" s="18"/>
      <c r="HE27" s="21"/>
      <c r="HF27" s="18"/>
      <c r="HG27" s="20"/>
      <c r="HH27" s="18"/>
      <c r="HI27" s="21"/>
      <c r="HJ27" s="18"/>
      <c r="HK27" s="20"/>
      <c r="HL27" s="18"/>
      <c r="HM27" s="21"/>
      <c r="HN27" s="18"/>
      <c r="HO27" s="20"/>
      <c r="HP27" s="18"/>
      <c r="HQ27" s="21"/>
      <c r="HR27" s="18"/>
      <c r="HS27" s="20"/>
      <c r="HT27" s="18"/>
      <c r="HU27" s="21"/>
      <c r="HV27" s="18"/>
      <c r="HW27" s="20"/>
      <c r="HX27" s="18"/>
      <c r="HY27" s="21"/>
      <c r="HZ27" s="18"/>
      <c r="IA27" s="20"/>
      <c r="IB27" s="18"/>
      <c r="IC27" s="21"/>
      <c r="ID27" s="18"/>
      <c r="IE27" s="20"/>
      <c r="IF27" s="18"/>
      <c r="IG27" s="21"/>
      <c r="IH27" s="18"/>
      <c r="II27" s="20"/>
      <c r="IJ27" s="18"/>
      <c r="IK27" s="21"/>
      <c r="IL27" s="18"/>
      <c r="IM27" s="20"/>
      <c r="IN27" s="18"/>
      <c r="IO27" s="21"/>
      <c r="IP27" s="18"/>
      <c r="IQ27" s="20"/>
    </row>
    <row r="28" spans="1:251" s="22" customFormat="1" ht="21" customHeight="1" x14ac:dyDescent="0.25">
      <c r="A28" s="18"/>
      <c r="B28" s="23" t="s">
        <v>41</v>
      </c>
      <c r="C28" s="11" t="s">
        <v>42</v>
      </c>
      <c r="D28" s="11" t="s">
        <v>21</v>
      </c>
      <c r="E28" s="13" t="s">
        <v>8</v>
      </c>
      <c r="F28" s="18"/>
      <c r="G28" s="20"/>
      <c r="H28" s="18"/>
      <c r="I28" s="21"/>
      <c r="J28" s="18"/>
      <c r="K28" s="20"/>
      <c r="L28" s="18"/>
      <c r="M28" s="21"/>
      <c r="N28" s="18"/>
      <c r="O28" s="20"/>
      <c r="P28" s="18"/>
      <c r="Q28" s="21"/>
      <c r="R28" s="18"/>
      <c r="S28" s="20"/>
      <c r="T28" s="18"/>
      <c r="U28" s="21"/>
      <c r="V28" s="18"/>
      <c r="W28" s="20"/>
      <c r="X28" s="18"/>
      <c r="Y28" s="21"/>
      <c r="Z28" s="18"/>
      <c r="AA28" s="20"/>
      <c r="AB28" s="18"/>
      <c r="AC28" s="21"/>
      <c r="AD28" s="18"/>
      <c r="AE28" s="20"/>
      <c r="AF28" s="18"/>
      <c r="AG28" s="21"/>
      <c r="AH28" s="18"/>
      <c r="AI28" s="20"/>
      <c r="AJ28" s="18"/>
      <c r="AK28" s="21"/>
      <c r="AL28" s="18"/>
      <c r="AM28" s="20"/>
      <c r="AN28" s="18"/>
      <c r="AO28" s="21"/>
      <c r="AP28" s="18"/>
      <c r="AQ28" s="20"/>
      <c r="AR28" s="18"/>
      <c r="AS28" s="21"/>
      <c r="AT28" s="18"/>
      <c r="AU28" s="20"/>
      <c r="AV28" s="18"/>
      <c r="AW28" s="21"/>
      <c r="AX28" s="18"/>
      <c r="AY28" s="20"/>
      <c r="AZ28" s="18"/>
      <c r="BA28" s="21"/>
      <c r="BB28" s="18"/>
      <c r="BC28" s="20"/>
      <c r="BD28" s="18"/>
      <c r="BE28" s="21"/>
      <c r="BF28" s="18"/>
      <c r="BG28" s="20"/>
      <c r="BH28" s="18"/>
      <c r="BI28" s="21"/>
      <c r="BJ28" s="18"/>
      <c r="BK28" s="20"/>
      <c r="BL28" s="18"/>
      <c r="BM28" s="21"/>
      <c r="BN28" s="18"/>
      <c r="BO28" s="20"/>
      <c r="BP28" s="18"/>
      <c r="BQ28" s="21"/>
      <c r="BR28" s="18"/>
      <c r="BS28" s="20"/>
      <c r="BT28" s="18"/>
      <c r="BU28" s="21"/>
      <c r="BV28" s="18"/>
      <c r="BW28" s="20"/>
      <c r="BX28" s="18"/>
      <c r="BY28" s="21"/>
      <c r="BZ28" s="18"/>
      <c r="CA28" s="20"/>
      <c r="CB28" s="18"/>
      <c r="CC28" s="21"/>
      <c r="CD28" s="18"/>
      <c r="CE28" s="20"/>
      <c r="CF28" s="18"/>
      <c r="CG28" s="21"/>
      <c r="CH28" s="18"/>
      <c r="CI28" s="20"/>
      <c r="CJ28" s="18"/>
      <c r="CK28" s="21"/>
      <c r="CL28" s="18"/>
      <c r="CM28" s="20"/>
      <c r="CN28" s="18"/>
      <c r="CO28" s="21"/>
      <c r="CP28" s="18"/>
      <c r="CQ28" s="20"/>
      <c r="CR28" s="18"/>
      <c r="CS28" s="21"/>
      <c r="CT28" s="18"/>
      <c r="CU28" s="20"/>
      <c r="CV28" s="18"/>
      <c r="CW28" s="21"/>
      <c r="CX28" s="18"/>
      <c r="CY28" s="20"/>
      <c r="CZ28" s="18"/>
      <c r="DA28" s="21"/>
      <c r="DB28" s="18"/>
      <c r="DC28" s="20"/>
      <c r="DD28" s="18"/>
      <c r="DE28" s="21"/>
      <c r="DF28" s="18"/>
      <c r="DG28" s="20"/>
      <c r="DH28" s="18"/>
      <c r="DI28" s="21"/>
      <c r="DJ28" s="18"/>
      <c r="DK28" s="20"/>
      <c r="DL28" s="18"/>
      <c r="DM28" s="21"/>
      <c r="DN28" s="18"/>
      <c r="DO28" s="20"/>
      <c r="DP28" s="18"/>
      <c r="DQ28" s="21"/>
      <c r="DR28" s="18"/>
      <c r="DS28" s="20"/>
      <c r="DT28" s="18"/>
      <c r="DU28" s="21"/>
      <c r="DV28" s="18"/>
      <c r="DW28" s="20"/>
      <c r="DX28" s="18"/>
      <c r="DY28" s="21"/>
      <c r="DZ28" s="18"/>
      <c r="EA28" s="20"/>
      <c r="EB28" s="18"/>
      <c r="EC28" s="21"/>
      <c r="ED28" s="18"/>
      <c r="EE28" s="20"/>
      <c r="EF28" s="18"/>
      <c r="EG28" s="21"/>
      <c r="EH28" s="18"/>
      <c r="EI28" s="20"/>
      <c r="EJ28" s="18"/>
      <c r="EK28" s="21"/>
      <c r="EL28" s="18"/>
      <c r="EM28" s="20"/>
      <c r="EN28" s="18"/>
      <c r="EO28" s="21"/>
      <c r="EP28" s="18"/>
      <c r="EQ28" s="20"/>
      <c r="ER28" s="18"/>
      <c r="ES28" s="21"/>
      <c r="ET28" s="18"/>
      <c r="EU28" s="20"/>
      <c r="EV28" s="18"/>
      <c r="EW28" s="21"/>
      <c r="EX28" s="18"/>
      <c r="EY28" s="20"/>
      <c r="EZ28" s="18"/>
      <c r="FA28" s="21"/>
      <c r="FB28" s="18"/>
      <c r="FC28" s="20"/>
      <c r="FD28" s="18"/>
      <c r="FE28" s="21"/>
      <c r="FF28" s="18"/>
      <c r="FG28" s="20"/>
      <c r="FH28" s="18"/>
      <c r="FI28" s="21"/>
      <c r="FJ28" s="18"/>
      <c r="FK28" s="20"/>
      <c r="FL28" s="18"/>
      <c r="FM28" s="21"/>
      <c r="FN28" s="18"/>
      <c r="FO28" s="20"/>
      <c r="FP28" s="18"/>
      <c r="FQ28" s="21"/>
      <c r="FR28" s="18"/>
      <c r="FS28" s="20"/>
      <c r="FT28" s="18"/>
      <c r="FU28" s="21"/>
      <c r="FV28" s="18"/>
      <c r="FW28" s="20"/>
      <c r="FX28" s="18"/>
      <c r="FY28" s="21"/>
      <c r="FZ28" s="18"/>
      <c r="GA28" s="20"/>
      <c r="GB28" s="18"/>
      <c r="GC28" s="21"/>
      <c r="GD28" s="18"/>
      <c r="GE28" s="20"/>
      <c r="GF28" s="18"/>
      <c r="GG28" s="21"/>
      <c r="GH28" s="18"/>
      <c r="GI28" s="20"/>
      <c r="GJ28" s="18"/>
      <c r="GK28" s="21"/>
      <c r="GL28" s="18"/>
      <c r="GM28" s="20"/>
      <c r="GN28" s="18"/>
      <c r="GO28" s="21"/>
      <c r="GP28" s="18"/>
      <c r="GQ28" s="20"/>
      <c r="GR28" s="18"/>
      <c r="GS28" s="21"/>
      <c r="GT28" s="18"/>
      <c r="GU28" s="20"/>
      <c r="GV28" s="18"/>
      <c r="GW28" s="21"/>
      <c r="GX28" s="18"/>
      <c r="GY28" s="20"/>
      <c r="GZ28" s="18"/>
      <c r="HA28" s="21"/>
      <c r="HB28" s="18"/>
      <c r="HC28" s="20"/>
      <c r="HD28" s="18"/>
      <c r="HE28" s="21"/>
      <c r="HF28" s="18"/>
      <c r="HG28" s="20"/>
      <c r="HH28" s="18"/>
      <c r="HI28" s="21"/>
      <c r="HJ28" s="18"/>
      <c r="HK28" s="20"/>
      <c r="HL28" s="18"/>
      <c r="HM28" s="21"/>
      <c r="HN28" s="18"/>
      <c r="HO28" s="20"/>
      <c r="HP28" s="18"/>
      <c r="HQ28" s="21"/>
      <c r="HR28" s="18"/>
      <c r="HS28" s="20"/>
      <c r="HT28" s="18"/>
      <c r="HU28" s="21"/>
      <c r="HV28" s="18"/>
      <c r="HW28" s="20"/>
      <c r="HX28" s="18"/>
      <c r="HY28" s="21"/>
      <c r="HZ28" s="18"/>
      <c r="IA28" s="20"/>
      <c r="IB28" s="18"/>
      <c r="IC28" s="21"/>
      <c r="ID28" s="18"/>
      <c r="IE28" s="20"/>
      <c r="IF28" s="18"/>
      <c r="IG28" s="21"/>
      <c r="IH28" s="18"/>
      <c r="II28" s="20"/>
      <c r="IJ28" s="18"/>
      <c r="IK28" s="21"/>
      <c r="IL28" s="18"/>
      <c r="IM28" s="20"/>
      <c r="IN28" s="18"/>
      <c r="IO28" s="21"/>
      <c r="IP28" s="18"/>
      <c r="IQ28" s="20"/>
    </row>
    <row r="29" spans="1:251" s="22" customFormat="1" ht="21" customHeight="1" x14ac:dyDescent="0.25">
      <c r="A29" s="18"/>
      <c r="B29" s="23" t="s">
        <v>41</v>
      </c>
      <c r="C29" s="11" t="s">
        <v>43</v>
      </c>
      <c r="D29" s="11" t="s">
        <v>11</v>
      </c>
      <c r="E29" s="13" t="s">
        <v>8</v>
      </c>
      <c r="F29" s="18"/>
      <c r="G29" s="20"/>
      <c r="H29" s="18"/>
      <c r="I29" s="21"/>
      <c r="J29" s="18"/>
      <c r="K29" s="20"/>
      <c r="L29" s="18"/>
      <c r="M29" s="21"/>
      <c r="N29" s="18"/>
      <c r="O29" s="20"/>
      <c r="P29" s="18"/>
      <c r="Q29" s="21"/>
      <c r="R29" s="18"/>
      <c r="S29" s="20"/>
      <c r="T29" s="18"/>
      <c r="U29" s="21"/>
      <c r="V29" s="18"/>
      <c r="W29" s="20"/>
      <c r="X29" s="18"/>
      <c r="Y29" s="21"/>
      <c r="Z29" s="18"/>
      <c r="AA29" s="20"/>
      <c r="AB29" s="18"/>
      <c r="AC29" s="21"/>
      <c r="AD29" s="18"/>
      <c r="AE29" s="20"/>
      <c r="AF29" s="18"/>
      <c r="AG29" s="21"/>
      <c r="AH29" s="18"/>
      <c r="AI29" s="20"/>
      <c r="AJ29" s="18"/>
      <c r="AK29" s="21"/>
      <c r="AL29" s="18"/>
      <c r="AM29" s="20"/>
      <c r="AN29" s="18"/>
      <c r="AO29" s="21"/>
      <c r="AP29" s="18"/>
      <c r="AQ29" s="20"/>
      <c r="AR29" s="18"/>
      <c r="AS29" s="21"/>
      <c r="AT29" s="18"/>
      <c r="AU29" s="20"/>
      <c r="AV29" s="18"/>
      <c r="AW29" s="21"/>
      <c r="AX29" s="18"/>
      <c r="AY29" s="20"/>
      <c r="AZ29" s="18"/>
      <c r="BA29" s="21"/>
      <c r="BB29" s="18"/>
      <c r="BC29" s="20"/>
      <c r="BD29" s="18"/>
      <c r="BE29" s="21"/>
      <c r="BF29" s="18"/>
      <c r="BG29" s="20"/>
      <c r="BH29" s="18"/>
      <c r="BI29" s="21"/>
      <c r="BJ29" s="18"/>
      <c r="BK29" s="20"/>
      <c r="BL29" s="18"/>
      <c r="BM29" s="21"/>
      <c r="BN29" s="18"/>
      <c r="BO29" s="20"/>
      <c r="BP29" s="18"/>
      <c r="BQ29" s="21"/>
      <c r="BR29" s="18"/>
      <c r="BS29" s="20"/>
      <c r="BT29" s="18"/>
      <c r="BU29" s="21"/>
      <c r="BV29" s="18"/>
      <c r="BW29" s="20"/>
      <c r="BX29" s="18"/>
      <c r="BY29" s="21"/>
      <c r="BZ29" s="18"/>
      <c r="CA29" s="20"/>
      <c r="CB29" s="18"/>
      <c r="CC29" s="21"/>
      <c r="CD29" s="18"/>
      <c r="CE29" s="20"/>
      <c r="CF29" s="18"/>
      <c r="CG29" s="21"/>
      <c r="CH29" s="18"/>
      <c r="CI29" s="20"/>
      <c r="CJ29" s="18"/>
      <c r="CK29" s="21"/>
      <c r="CL29" s="18"/>
      <c r="CM29" s="20"/>
      <c r="CN29" s="18"/>
      <c r="CO29" s="21"/>
      <c r="CP29" s="18"/>
      <c r="CQ29" s="20"/>
      <c r="CR29" s="18"/>
      <c r="CS29" s="21"/>
      <c r="CT29" s="18"/>
      <c r="CU29" s="20"/>
      <c r="CV29" s="18"/>
      <c r="CW29" s="21"/>
      <c r="CX29" s="18"/>
      <c r="CY29" s="20"/>
      <c r="CZ29" s="18"/>
      <c r="DA29" s="21"/>
      <c r="DB29" s="18"/>
      <c r="DC29" s="20"/>
      <c r="DD29" s="18"/>
      <c r="DE29" s="21"/>
      <c r="DF29" s="18"/>
      <c r="DG29" s="20"/>
      <c r="DH29" s="18"/>
      <c r="DI29" s="21"/>
      <c r="DJ29" s="18"/>
      <c r="DK29" s="20"/>
      <c r="DL29" s="18"/>
      <c r="DM29" s="21"/>
      <c r="DN29" s="18"/>
      <c r="DO29" s="20"/>
      <c r="DP29" s="18"/>
      <c r="DQ29" s="21"/>
      <c r="DR29" s="18"/>
      <c r="DS29" s="20"/>
      <c r="DT29" s="18"/>
      <c r="DU29" s="21"/>
      <c r="DV29" s="18"/>
      <c r="DW29" s="20"/>
      <c r="DX29" s="18"/>
      <c r="DY29" s="21"/>
      <c r="DZ29" s="18"/>
      <c r="EA29" s="20"/>
      <c r="EB29" s="18"/>
      <c r="EC29" s="21"/>
      <c r="ED29" s="18"/>
      <c r="EE29" s="20"/>
      <c r="EF29" s="18"/>
      <c r="EG29" s="21"/>
      <c r="EH29" s="18"/>
      <c r="EI29" s="20"/>
      <c r="EJ29" s="18"/>
      <c r="EK29" s="21"/>
      <c r="EL29" s="18"/>
      <c r="EM29" s="20"/>
      <c r="EN29" s="18"/>
      <c r="EO29" s="21"/>
      <c r="EP29" s="18"/>
      <c r="EQ29" s="20"/>
      <c r="ER29" s="18"/>
      <c r="ES29" s="21"/>
      <c r="ET29" s="18"/>
      <c r="EU29" s="20"/>
      <c r="EV29" s="18"/>
      <c r="EW29" s="21"/>
      <c r="EX29" s="18"/>
      <c r="EY29" s="20"/>
      <c r="EZ29" s="18"/>
      <c r="FA29" s="21"/>
      <c r="FB29" s="18"/>
      <c r="FC29" s="20"/>
      <c r="FD29" s="18"/>
      <c r="FE29" s="21"/>
      <c r="FF29" s="18"/>
      <c r="FG29" s="20"/>
      <c r="FH29" s="18"/>
      <c r="FI29" s="21"/>
      <c r="FJ29" s="18"/>
      <c r="FK29" s="20"/>
      <c r="FL29" s="18"/>
      <c r="FM29" s="21"/>
      <c r="FN29" s="18"/>
      <c r="FO29" s="20"/>
      <c r="FP29" s="18"/>
      <c r="FQ29" s="21"/>
      <c r="FR29" s="18"/>
      <c r="FS29" s="20"/>
      <c r="FT29" s="18"/>
      <c r="FU29" s="21"/>
      <c r="FV29" s="18"/>
      <c r="FW29" s="20"/>
      <c r="FX29" s="18"/>
      <c r="FY29" s="21"/>
      <c r="FZ29" s="18"/>
      <c r="GA29" s="20"/>
      <c r="GB29" s="18"/>
      <c r="GC29" s="21"/>
      <c r="GD29" s="18"/>
      <c r="GE29" s="20"/>
      <c r="GF29" s="18"/>
      <c r="GG29" s="21"/>
      <c r="GH29" s="18"/>
      <c r="GI29" s="20"/>
      <c r="GJ29" s="18"/>
      <c r="GK29" s="21"/>
      <c r="GL29" s="18"/>
      <c r="GM29" s="20"/>
      <c r="GN29" s="18"/>
      <c r="GO29" s="21"/>
      <c r="GP29" s="18"/>
      <c r="GQ29" s="20"/>
      <c r="GR29" s="18"/>
      <c r="GS29" s="21"/>
      <c r="GT29" s="18"/>
      <c r="GU29" s="20"/>
      <c r="GV29" s="18"/>
      <c r="GW29" s="21"/>
      <c r="GX29" s="18"/>
      <c r="GY29" s="20"/>
      <c r="GZ29" s="18"/>
      <c r="HA29" s="21"/>
      <c r="HB29" s="18"/>
      <c r="HC29" s="20"/>
      <c r="HD29" s="18"/>
      <c r="HE29" s="21"/>
      <c r="HF29" s="18"/>
      <c r="HG29" s="20"/>
      <c r="HH29" s="18"/>
      <c r="HI29" s="21"/>
      <c r="HJ29" s="18"/>
      <c r="HK29" s="20"/>
      <c r="HL29" s="18"/>
      <c r="HM29" s="21"/>
      <c r="HN29" s="18"/>
      <c r="HO29" s="20"/>
      <c r="HP29" s="18"/>
      <c r="HQ29" s="21"/>
      <c r="HR29" s="18"/>
      <c r="HS29" s="20"/>
      <c r="HT29" s="18"/>
      <c r="HU29" s="21"/>
      <c r="HV29" s="18"/>
      <c r="HW29" s="20"/>
      <c r="HX29" s="18"/>
      <c r="HY29" s="21"/>
      <c r="HZ29" s="18"/>
      <c r="IA29" s="20"/>
      <c r="IB29" s="18"/>
      <c r="IC29" s="21"/>
      <c r="ID29" s="18"/>
      <c r="IE29" s="20"/>
      <c r="IF29" s="18"/>
      <c r="IG29" s="21"/>
      <c r="IH29" s="18"/>
      <c r="II29" s="20"/>
      <c r="IJ29" s="18"/>
      <c r="IK29" s="21"/>
      <c r="IL29" s="18"/>
      <c r="IM29" s="20"/>
      <c r="IN29" s="18"/>
      <c r="IO29" s="21"/>
      <c r="IP29" s="18"/>
      <c r="IQ29" s="20"/>
    </row>
    <row r="30" spans="1:251" s="22" customFormat="1" ht="21" customHeight="1" x14ac:dyDescent="0.25">
      <c r="A30" s="24"/>
      <c r="B30" s="23" t="s">
        <v>41</v>
      </c>
      <c r="C30" s="11" t="s">
        <v>43</v>
      </c>
      <c r="D30" s="11" t="s">
        <v>17</v>
      </c>
      <c r="E30" s="13" t="s">
        <v>13</v>
      </c>
      <c r="F30" s="24"/>
      <c r="G30" s="25"/>
      <c r="H30" s="24"/>
      <c r="I30" s="26"/>
      <c r="J30" s="24"/>
      <c r="K30" s="25"/>
      <c r="L30" s="24"/>
      <c r="M30" s="26"/>
      <c r="N30" s="24"/>
      <c r="O30" s="25"/>
      <c r="P30" s="24"/>
      <c r="Q30" s="26"/>
      <c r="R30" s="24"/>
      <c r="S30" s="25"/>
      <c r="T30" s="24"/>
      <c r="U30" s="26"/>
      <c r="V30" s="24"/>
      <c r="W30" s="25"/>
      <c r="X30" s="24"/>
      <c r="Y30" s="26"/>
      <c r="Z30" s="24"/>
      <c r="AA30" s="25"/>
      <c r="AB30" s="24"/>
      <c r="AC30" s="26"/>
      <c r="AD30" s="24"/>
      <c r="AE30" s="25"/>
      <c r="AF30" s="24"/>
      <c r="AG30" s="26"/>
      <c r="AH30" s="24"/>
      <c r="AI30" s="25"/>
      <c r="AJ30" s="24"/>
      <c r="AK30" s="26"/>
      <c r="AL30" s="24"/>
      <c r="AM30" s="25"/>
      <c r="AN30" s="24"/>
      <c r="AO30" s="26"/>
      <c r="AP30" s="24"/>
      <c r="AQ30" s="25"/>
      <c r="AR30" s="24"/>
      <c r="AS30" s="26"/>
      <c r="AT30" s="24"/>
      <c r="AU30" s="25"/>
      <c r="AV30" s="24"/>
      <c r="AW30" s="26"/>
      <c r="AX30" s="24"/>
      <c r="AY30" s="25"/>
      <c r="AZ30" s="24"/>
      <c r="BA30" s="26"/>
      <c r="BB30" s="24"/>
      <c r="BC30" s="25"/>
      <c r="BD30" s="24"/>
      <c r="BE30" s="26"/>
      <c r="BF30" s="24"/>
      <c r="BG30" s="25"/>
      <c r="BH30" s="24"/>
      <c r="BI30" s="26"/>
      <c r="BJ30" s="24"/>
      <c r="BK30" s="25"/>
      <c r="BL30" s="24"/>
      <c r="BM30" s="26"/>
      <c r="BN30" s="24"/>
      <c r="BO30" s="25"/>
      <c r="BP30" s="24"/>
      <c r="BQ30" s="26"/>
      <c r="BR30" s="24"/>
      <c r="BS30" s="25"/>
      <c r="BT30" s="24"/>
      <c r="BU30" s="26"/>
      <c r="BV30" s="24"/>
      <c r="BW30" s="25"/>
      <c r="BX30" s="24"/>
      <c r="BY30" s="26"/>
      <c r="BZ30" s="24"/>
      <c r="CA30" s="25"/>
      <c r="CB30" s="24"/>
      <c r="CC30" s="26"/>
      <c r="CD30" s="24"/>
      <c r="CE30" s="25"/>
      <c r="CF30" s="24"/>
      <c r="CG30" s="26"/>
      <c r="CH30" s="24"/>
      <c r="CI30" s="25"/>
      <c r="CJ30" s="24"/>
      <c r="CK30" s="26"/>
      <c r="CL30" s="24"/>
      <c r="CM30" s="25"/>
      <c r="CN30" s="24"/>
      <c r="CO30" s="26"/>
      <c r="CP30" s="24"/>
      <c r="CQ30" s="25"/>
      <c r="CR30" s="24"/>
      <c r="CS30" s="26"/>
      <c r="CT30" s="24"/>
      <c r="CU30" s="25"/>
      <c r="CV30" s="24"/>
      <c r="CW30" s="26"/>
      <c r="CX30" s="24"/>
      <c r="CY30" s="25"/>
      <c r="CZ30" s="24"/>
      <c r="DA30" s="26"/>
      <c r="DB30" s="24"/>
      <c r="DC30" s="25"/>
      <c r="DD30" s="24"/>
      <c r="DE30" s="26"/>
      <c r="DF30" s="24"/>
      <c r="DG30" s="25"/>
      <c r="DH30" s="24"/>
      <c r="DI30" s="26"/>
      <c r="DJ30" s="24"/>
      <c r="DK30" s="25"/>
      <c r="DL30" s="24"/>
      <c r="DM30" s="26"/>
      <c r="DN30" s="24"/>
      <c r="DO30" s="25"/>
      <c r="DP30" s="24"/>
      <c r="DQ30" s="26"/>
      <c r="DR30" s="24"/>
      <c r="DS30" s="25"/>
      <c r="DT30" s="24"/>
      <c r="DU30" s="26"/>
      <c r="DV30" s="24"/>
      <c r="DW30" s="25"/>
      <c r="DX30" s="24"/>
      <c r="DY30" s="26"/>
      <c r="DZ30" s="24"/>
      <c r="EA30" s="25"/>
      <c r="EB30" s="24"/>
      <c r="EC30" s="26"/>
      <c r="ED30" s="24"/>
      <c r="EE30" s="25"/>
      <c r="EF30" s="24"/>
      <c r="EG30" s="26"/>
      <c r="EH30" s="24"/>
      <c r="EI30" s="25"/>
      <c r="EJ30" s="24"/>
      <c r="EK30" s="26"/>
      <c r="EL30" s="24"/>
      <c r="EM30" s="25"/>
      <c r="EN30" s="24"/>
      <c r="EO30" s="26"/>
      <c r="EP30" s="24"/>
      <c r="EQ30" s="25"/>
      <c r="ER30" s="24"/>
      <c r="ES30" s="26"/>
      <c r="ET30" s="24"/>
      <c r="EU30" s="25"/>
      <c r="EV30" s="24"/>
      <c r="EW30" s="26"/>
      <c r="EX30" s="24"/>
      <c r="EY30" s="25"/>
      <c r="EZ30" s="24"/>
      <c r="FA30" s="26"/>
      <c r="FB30" s="24"/>
      <c r="FC30" s="25"/>
      <c r="FD30" s="24"/>
      <c r="FE30" s="26"/>
      <c r="FF30" s="24"/>
      <c r="FG30" s="25"/>
      <c r="FH30" s="24"/>
      <c r="FI30" s="26"/>
      <c r="FJ30" s="24"/>
      <c r="FK30" s="25"/>
      <c r="FL30" s="24"/>
      <c r="FM30" s="26"/>
      <c r="FN30" s="24"/>
      <c r="FO30" s="25"/>
      <c r="FP30" s="24"/>
      <c r="FQ30" s="26"/>
      <c r="FR30" s="24"/>
      <c r="FS30" s="25"/>
      <c r="FT30" s="24"/>
      <c r="FU30" s="26"/>
      <c r="FV30" s="24"/>
      <c r="FW30" s="25"/>
      <c r="FX30" s="24"/>
      <c r="FY30" s="26"/>
      <c r="FZ30" s="24"/>
      <c r="GA30" s="25"/>
      <c r="GB30" s="24"/>
      <c r="GC30" s="26"/>
      <c r="GD30" s="24"/>
      <c r="GE30" s="25"/>
      <c r="GF30" s="24"/>
      <c r="GG30" s="26"/>
      <c r="GH30" s="24"/>
      <c r="GI30" s="25"/>
      <c r="GJ30" s="24"/>
      <c r="GK30" s="26"/>
      <c r="GL30" s="24"/>
      <c r="GM30" s="25"/>
      <c r="GN30" s="24"/>
      <c r="GO30" s="26"/>
      <c r="GP30" s="24"/>
      <c r="GQ30" s="25"/>
      <c r="GR30" s="24"/>
      <c r="GS30" s="26"/>
      <c r="GT30" s="24"/>
      <c r="GU30" s="25"/>
      <c r="GV30" s="24"/>
      <c r="GW30" s="26"/>
      <c r="GX30" s="24"/>
      <c r="GY30" s="25"/>
      <c r="GZ30" s="24"/>
      <c r="HA30" s="26"/>
      <c r="HB30" s="24"/>
      <c r="HC30" s="25"/>
      <c r="HD30" s="24"/>
      <c r="HE30" s="26"/>
      <c r="HF30" s="24"/>
      <c r="HG30" s="25"/>
      <c r="HH30" s="24"/>
      <c r="HI30" s="26"/>
      <c r="HJ30" s="24"/>
      <c r="HK30" s="25"/>
      <c r="HL30" s="24"/>
      <c r="HM30" s="26"/>
      <c r="HN30" s="24"/>
      <c r="HO30" s="25"/>
      <c r="HP30" s="24"/>
      <c r="HQ30" s="26"/>
      <c r="HR30" s="24"/>
      <c r="HS30" s="25"/>
      <c r="HT30" s="24"/>
      <c r="HU30" s="26"/>
      <c r="HV30" s="24"/>
      <c r="HW30" s="25"/>
      <c r="HX30" s="24"/>
      <c r="HY30" s="26"/>
      <c r="HZ30" s="24"/>
      <c r="IA30" s="25"/>
      <c r="IB30" s="24"/>
      <c r="IC30" s="26"/>
      <c r="ID30" s="24"/>
      <c r="IE30" s="25"/>
      <c r="IF30" s="24"/>
      <c r="IG30" s="26"/>
      <c r="IH30" s="24"/>
      <c r="II30" s="25"/>
      <c r="IJ30" s="24"/>
      <c r="IK30" s="26"/>
      <c r="IL30" s="24"/>
      <c r="IM30" s="25"/>
      <c r="IN30" s="24"/>
      <c r="IO30" s="26"/>
      <c r="IP30" s="24"/>
      <c r="IQ30" s="25"/>
    </row>
    <row r="31" spans="1:251" s="22" customFormat="1" ht="21" customHeight="1" x14ac:dyDescent="0.25">
      <c r="A31" s="18"/>
      <c r="B31" s="23" t="s">
        <v>41</v>
      </c>
      <c r="C31" s="11" t="s">
        <v>44</v>
      </c>
      <c r="D31" s="11" t="s">
        <v>45</v>
      </c>
      <c r="E31" s="13" t="s">
        <v>13</v>
      </c>
      <c r="F31" s="18"/>
      <c r="G31" s="20"/>
      <c r="H31" s="18"/>
      <c r="I31" s="21"/>
      <c r="J31" s="18"/>
      <c r="K31" s="20"/>
      <c r="L31" s="18"/>
      <c r="M31" s="21"/>
      <c r="N31" s="18"/>
      <c r="O31" s="20"/>
      <c r="P31" s="18"/>
      <c r="Q31" s="21"/>
      <c r="R31" s="18"/>
      <c r="S31" s="20"/>
      <c r="T31" s="18"/>
      <c r="U31" s="21"/>
      <c r="V31" s="18"/>
      <c r="W31" s="20"/>
      <c r="X31" s="18"/>
      <c r="Y31" s="21"/>
      <c r="Z31" s="18"/>
      <c r="AA31" s="20"/>
      <c r="AB31" s="18"/>
      <c r="AC31" s="21"/>
      <c r="AD31" s="18"/>
      <c r="AE31" s="20"/>
      <c r="AF31" s="18"/>
      <c r="AG31" s="21"/>
      <c r="AH31" s="18"/>
      <c r="AI31" s="20"/>
      <c r="AJ31" s="18"/>
      <c r="AK31" s="21"/>
      <c r="AL31" s="18"/>
      <c r="AM31" s="20"/>
      <c r="AN31" s="18"/>
      <c r="AO31" s="21"/>
      <c r="AP31" s="18"/>
      <c r="AQ31" s="20"/>
      <c r="AR31" s="18"/>
      <c r="AS31" s="21"/>
      <c r="AT31" s="18"/>
      <c r="AU31" s="20"/>
      <c r="AV31" s="18"/>
      <c r="AW31" s="21"/>
      <c r="AX31" s="18"/>
      <c r="AY31" s="20"/>
      <c r="AZ31" s="18"/>
      <c r="BA31" s="21"/>
      <c r="BB31" s="18"/>
      <c r="BC31" s="20"/>
      <c r="BD31" s="18"/>
      <c r="BE31" s="21"/>
      <c r="BF31" s="18"/>
      <c r="BG31" s="20"/>
      <c r="BH31" s="18"/>
      <c r="BI31" s="21"/>
      <c r="BJ31" s="18"/>
      <c r="BK31" s="20"/>
      <c r="BL31" s="18"/>
      <c r="BM31" s="21"/>
      <c r="BN31" s="18"/>
      <c r="BO31" s="20"/>
      <c r="BP31" s="18"/>
      <c r="BQ31" s="21"/>
      <c r="BR31" s="18"/>
      <c r="BS31" s="20"/>
      <c r="BT31" s="18"/>
      <c r="BU31" s="21"/>
      <c r="BV31" s="18"/>
      <c r="BW31" s="20"/>
      <c r="BX31" s="18"/>
      <c r="BY31" s="21"/>
      <c r="BZ31" s="18"/>
      <c r="CA31" s="20"/>
      <c r="CB31" s="18"/>
      <c r="CC31" s="21"/>
      <c r="CD31" s="18"/>
      <c r="CE31" s="20"/>
      <c r="CF31" s="18"/>
      <c r="CG31" s="21"/>
      <c r="CH31" s="18"/>
      <c r="CI31" s="20"/>
      <c r="CJ31" s="18"/>
      <c r="CK31" s="21"/>
      <c r="CL31" s="18"/>
      <c r="CM31" s="20"/>
      <c r="CN31" s="18"/>
      <c r="CO31" s="21"/>
      <c r="CP31" s="18"/>
      <c r="CQ31" s="20"/>
      <c r="CR31" s="18"/>
      <c r="CS31" s="21"/>
      <c r="CT31" s="18"/>
      <c r="CU31" s="20"/>
      <c r="CV31" s="18"/>
      <c r="CW31" s="21"/>
      <c r="CX31" s="18"/>
      <c r="CY31" s="20"/>
      <c r="CZ31" s="18"/>
      <c r="DA31" s="21"/>
      <c r="DB31" s="18"/>
      <c r="DC31" s="20"/>
      <c r="DD31" s="18"/>
      <c r="DE31" s="21"/>
      <c r="DF31" s="18"/>
      <c r="DG31" s="20"/>
      <c r="DH31" s="18"/>
      <c r="DI31" s="21"/>
      <c r="DJ31" s="18"/>
      <c r="DK31" s="20"/>
      <c r="DL31" s="18"/>
      <c r="DM31" s="21"/>
      <c r="DN31" s="18"/>
      <c r="DO31" s="20"/>
      <c r="DP31" s="18"/>
      <c r="DQ31" s="21"/>
      <c r="DR31" s="18"/>
      <c r="DS31" s="20"/>
      <c r="DT31" s="18"/>
      <c r="DU31" s="21"/>
      <c r="DV31" s="18"/>
      <c r="DW31" s="20"/>
      <c r="DX31" s="18"/>
      <c r="DY31" s="21"/>
      <c r="DZ31" s="18"/>
      <c r="EA31" s="20"/>
      <c r="EB31" s="18"/>
      <c r="EC31" s="21"/>
      <c r="ED31" s="18"/>
      <c r="EE31" s="20"/>
      <c r="EF31" s="18"/>
      <c r="EG31" s="21"/>
      <c r="EH31" s="18"/>
      <c r="EI31" s="20"/>
      <c r="EJ31" s="18"/>
      <c r="EK31" s="21"/>
      <c r="EL31" s="18"/>
      <c r="EM31" s="20"/>
      <c r="EN31" s="18"/>
      <c r="EO31" s="21"/>
      <c r="EP31" s="18"/>
      <c r="EQ31" s="20"/>
      <c r="ER31" s="18"/>
      <c r="ES31" s="21"/>
      <c r="ET31" s="18"/>
      <c r="EU31" s="20"/>
      <c r="EV31" s="18"/>
      <c r="EW31" s="21"/>
      <c r="EX31" s="18"/>
      <c r="EY31" s="20"/>
      <c r="EZ31" s="18"/>
      <c r="FA31" s="21"/>
      <c r="FB31" s="18"/>
      <c r="FC31" s="20"/>
      <c r="FD31" s="18"/>
      <c r="FE31" s="21"/>
      <c r="FF31" s="18"/>
      <c r="FG31" s="20"/>
      <c r="FH31" s="18"/>
      <c r="FI31" s="21"/>
      <c r="FJ31" s="18"/>
      <c r="FK31" s="20"/>
      <c r="FL31" s="18"/>
      <c r="FM31" s="21"/>
      <c r="FN31" s="18"/>
      <c r="FO31" s="20"/>
      <c r="FP31" s="18"/>
      <c r="FQ31" s="21"/>
      <c r="FR31" s="18"/>
      <c r="FS31" s="20"/>
      <c r="FT31" s="18"/>
      <c r="FU31" s="21"/>
      <c r="FV31" s="18"/>
      <c r="FW31" s="20"/>
      <c r="FX31" s="18"/>
      <c r="FY31" s="21"/>
      <c r="FZ31" s="18"/>
      <c r="GA31" s="20"/>
      <c r="GB31" s="18"/>
      <c r="GC31" s="21"/>
      <c r="GD31" s="18"/>
      <c r="GE31" s="20"/>
      <c r="GF31" s="18"/>
      <c r="GG31" s="21"/>
      <c r="GH31" s="18"/>
      <c r="GI31" s="20"/>
      <c r="GJ31" s="18"/>
      <c r="GK31" s="21"/>
      <c r="GL31" s="18"/>
      <c r="GM31" s="20"/>
      <c r="GN31" s="18"/>
      <c r="GO31" s="21"/>
      <c r="GP31" s="18"/>
      <c r="GQ31" s="20"/>
      <c r="GR31" s="18"/>
      <c r="GS31" s="21"/>
      <c r="GT31" s="18"/>
      <c r="GU31" s="20"/>
      <c r="GV31" s="18"/>
      <c r="GW31" s="21"/>
      <c r="GX31" s="18"/>
      <c r="GY31" s="20"/>
      <c r="GZ31" s="18"/>
      <c r="HA31" s="21"/>
      <c r="HB31" s="18"/>
      <c r="HC31" s="20"/>
      <c r="HD31" s="18"/>
      <c r="HE31" s="21"/>
      <c r="HF31" s="18"/>
      <c r="HG31" s="20"/>
      <c r="HH31" s="18"/>
      <c r="HI31" s="21"/>
      <c r="HJ31" s="18"/>
      <c r="HK31" s="20"/>
      <c r="HL31" s="18"/>
      <c r="HM31" s="21"/>
      <c r="HN31" s="18"/>
      <c r="HO31" s="20"/>
      <c r="HP31" s="18"/>
      <c r="HQ31" s="21"/>
      <c r="HR31" s="18"/>
      <c r="HS31" s="20"/>
      <c r="HT31" s="18"/>
      <c r="HU31" s="21"/>
      <c r="HV31" s="18"/>
      <c r="HW31" s="20"/>
      <c r="HX31" s="18"/>
      <c r="HY31" s="21"/>
      <c r="HZ31" s="18"/>
      <c r="IA31" s="20"/>
      <c r="IB31" s="18"/>
      <c r="IC31" s="21"/>
      <c r="ID31" s="18"/>
      <c r="IE31" s="20"/>
      <c r="IF31" s="18"/>
      <c r="IG31" s="21"/>
      <c r="IH31" s="18"/>
      <c r="II31" s="20"/>
      <c r="IJ31" s="18"/>
      <c r="IK31" s="21"/>
      <c r="IL31" s="18"/>
      <c r="IM31" s="20"/>
      <c r="IN31" s="18"/>
      <c r="IO31" s="21"/>
      <c r="IP31" s="18"/>
      <c r="IQ31" s="20"/>
    </row>
    <row r="32" spans="1:251" s="22" customFormat="1" ht="21" customHeight="1" x14ac:dyDescent="0.25">
      <c r="A32" s="24"/>
      <c r="B32" s="23" t="s">
        <v>41</v>
      </c>
      <c r="C32" s="11" t="s">
        <v>44</v>
      </c>
      <c r="D32" s="11" t="s">
        <v>14</v>
      </c>
      <c r="E32" s="13" t="s">
        <v>8</v>
      </c>
      <c r="F32" s="24"/>
      <c r="G32" s="25"/>
      <c r="H32" s="24"/>
      <c r="I32" s="26"/>
      <c r="J32" s="24"/>
      <c r="K32" s="25"/>
      <c r="L32" s="24"/>
      <c r="M32" s="26"/>
      <c r="N32" s="24"/>
      <c r="O32" s="25"/>
      <c r="P32" s="24"/>
      <c r="Q32" s="26"/>
      <c r="R32" s="24"/>
      <c r="S32" s="25"/>
      <c r="T32" s="24"/>
      <c r="U32" s="26"/>
      <c r="V32" s="24"/>
      <c r="W32" s="25"/>
      <c r="X32" s="24"/>
      <c r="Y32" s="26"/>
      <c r="Z32" s="24"/>
      <c r="AA32" s="25"/>
      <c r="AB32" s="24"/>
      <c r="AC32" s="26"/>
      <c r="AD32" s="24"/>
      <c r="AE32" s="25"/>
      <c r="AF32" s="24"/>
      <c r="AG32" s="26"/>
      <c r="AH32" s="24"/>
      <c r="AI32" s="25"/>
      <c r="AJ32" s="24"/>
      <c r="AK32" s="26"/>
      <c r="AL32" s="24"/>
      <c r="AM32" s="25"/>
      <c r="AN32" s="24"/>
      <c r="AO32" s="26"/>
      <c r="AP32" s="24"/>
      <c r="AQ32" s="25"/>
      <c r="AR32" s="24"/>
      <c r="AS32" s="26"/>
      <c r="AT32" s="24"/>
      <c r="AU32" s="25"/>
      <c r="AV32" s="24"/>
      <c r="AW32" s="26"/>
      <c r="AX32" s="24"/>
      <c r="AY32" s="25"/>
      <c r="AZ32" s="24"/>
      <c r="BA32" s="26"/>
      <c r="BB32" s="24"/>
      <c r="BC32" s="25"/>
      <c r="BD32" s="24"/>
      <c r="BE32" s="26"/>
      <c r="BF32" s="24"/>
      <c r="BG32" s="25"/>
      <c r="BH32" s="24"/>
      <c r="BI32" s="26"/>
      <c r="BJ32" s="24"/>
      <c r="BK32" s="25"/>
      <c r="BL32" s="24"/>
      <c r="BM32" s="26"/>
      <c r="BN32" s="24"/>
      <c r="BO32" s="25"/>
      <c r="BP32" s="24"/>
      <c r="BQ32" s="26"/>
      <c r="BR32" s="24"/>
      <c r="BS32" s="25"/>
      <c r="BT32" s="24"/>
      <c r="BU32" s="26"/>
      <c r="BV32" s="24"/>
      <c r="BW32" s="25"/>
      <c r="BX32" s="24"/>
      <c r="BY32" s="26"/>
      <c r="BZ32" s="24"/>
      <c r="CA32" s="25"/>
      <c r="CB32" s="24"/>
      <c r="CC32" s="26"/>
      <c r="CD32" s="24"/>
      <c r="CE32" s="25"/>
      <c r="CF32" s="24"/>
      <c r="CG32" s="26"/>
      <c r="CH32" s="24"/>
      <c r="CI32" s="25"/>
      <c r="CJ32" s="24"/>
      <c r="CK32" s="26"/>
      <c r="CL32" s="24"/>
      <c r="CM32" s="25"/>
      <c r="CN32" s="24"/>
      <c r="CO32" s="26"/>
      <c r="CP32" s="24"/>
      <c r="CQ32" s="25"/>
      <c r="CR32" s="24"/>
      <c r="CS32" s="26"/>
      <c r="CT32" s="24"/>
      <c r="CU32" s="25"/>
      <c r="CV32" s="24"/>
      <c r="CW32" s="26"/>
      <c r="CX32" s="24"/>
      <c r="CY32" s="25"/>
      <c r="CZ32" s="24"/>
      <c r="DA32" s="26"/>
      <c r="DB32" s="24"/>
      <c r="DC32" s="25"/>
      <c r="DD32" s="24"/>
      <c r="DE32" s="26"/>
      <c r="DF32" s="24"/>
      <c r="DG32" s="25"/>
      <c r="DH32" s="24"/>
      <c r="DI32" s="26"/>
      <c r="DJ32" s="24"/>
      <c r="DK32" s="25"/>
      <c r="DL32" s="24"/>
      <c r="DM32" s="26"/>
      <c r="DN32" s="24"/>
      <c r="DO32" s="25"/>
      <c r="DP32" s="24"/>
      <c r="DQ32" s="26"/>
      <c r="DR32" s="24"/>
      <c r="DS32" s="25"/>
      <c r="DT32" s="24"/>
      <c r="DU32" s="26"/>
      <c r="DV32" s="24"/>
      <c r="DW32" s="25"/>
      <c r="DX32" s="24"/>
      <c r="DY32" s="26"/>
      <c r="DZ32" s="24"/>
      <c r="EA32" s="25"/>
      <c r="EB32" s="24"/>
      <c r="EC32" s="26"/>
      <c r="ED32" s="24"/>
      <c r="EE32" s="25"/>
      <c r="EF32" s="24"/>
      <c r="EG32" s="26"/>
      <c r="EH32" s="24"/>
      <c r="EI32" s="25"/>
      <c r="EJ32" s="24"/>
      <c r="EK32" s="26"/>
      <c r="EL32" s="24"/>
      <c r="EM32" s="25"/>
      <c r="EN32" s="24"/>
      <c r="EO32" s="26"/>
      <c r="EP32" s="24"/>
      <c r="EQ32" s="25"/>
      <c r="ER32" s="24"/>
      <c r="ES32" s="26"/>
      <c r="ET32" s="24"/>
      <c r="EU32" s="25"/>
      <c r="EV32" s="24"/>
      <c r="EW32" s="26"/>
      <c r="EX32" s="24"/>
      <c r="EY32" s="25"/>
      <c r="EZ32" s="24"/>
      <c r="FA32" s="26"/>
      <c r="FB32" s="24"/>
      <c r="FC32" s="25"/>
      <c r="FD32" s="24"/>
      <c r="FE32" s="26"/>
      <c r="FF32" s="24"/>
      <c r="FG32" s="25"/>
      <c r="FH32" s="24"/>
      <c r="FI32" s="26"/>
      <c r="FJ32" s="24"/>
      <c r="FK32" s="25"/>
      <c r="FL32" s="24"/>
      <c r="FM32" s="26"/>
      <c r="FN32" s="24"/>
      <c r="FO32" s="25"/>
      <c r="FP32" s="24"/>
      <c r="FQ32" s="26"/>
      <c r="FR32" s="24"/>
      <c r="FS32" s="25"/>
      <c r="FT32" s="24"/>
      <c r="FU32" s="26"/>
      <c r="FV32" s="24"/>
      <c r="FW32" s="25"/>
      <c r="FX32" s="24"/>
      <c r="FY32" s="26"/>
      <c r="FZ32" s="24"/>
      <c r="GA32" s="25"/>
      <c r="GB32" s="24"/>
      <c r="GC32" s="26"/>
      <c r="GD32" s="24"/>
      <c r="GE32" s="25"/>
      <c r="GF32" s="24"/>
      <c r="GG32" s="26"/>
      <c r="GH32" s="24"/>
      <c r="GI32" s="25"/>
      <c r="GJ32" s="24"/>
      <c r="GK32" s="26"/>
      <c r="GL32" s="24"/>
      <c r="GM32" s="25"/>
      <c r="GN32" s="24"/>
      <c r="GO32" s="26"/>
      <c r="GP32" s="24"/>
      <c r="GQ32" s="25"/>
      <c r="GR32" s="24"/>
      <c r="GS32" s="26"/>
      <c r="GT32" s="24"/>
      <c r="GU32" s="25"/>
      <c r="GV32" s="24"/>
      <c r="GW32" s="26"/>
      <c r="GX32" s="24"/>
      <c r="GY32" s="25"/>
      <c r="GZ32" s="24"/>
      <c r="HA32" s="26"/>
      <c r="HB32" s="24"/>
      <c r="HC32" s="25"/>
      <c r="HD32" s="24"/>
      <c r="HE32" s="26"/>
      <c r="HF32" s="24"/>
      <c r="HG32" s="25"/>
      <c r="HH32" s="24"/>
      <c r="HI32" s="26"/>
      <c r="HJ32" s="24"/>
      <c r="HK32" s="25"/>
      <c r="HL32" s="24"/>
      <c r="HM32" s="26"/>
      <c r="HN32" s="24"/>
      <c r="HO32" s="25"/>
      <c r="HP32" s="24"/>
      <c r="HQ32" s="26"/>
      <c r="HR32" s="24"/>
      <c r="HS32" s="25"/>
      <c r="HT32" s="24"/>
      <c r="HU32" s="26"/>
      <c r="HV32" s="24"/>
      <c r="HW32" s="25"/>
      <c r="HX32" s="24"/>
      <c r="HY32" s="26"/>
      <c r="HZ32" s="24"/>
      <c r="IA32" s="25"/>
      <c r="IB32" s="24"/>
      <c r="IC32" s="26"/>
      <c r="ID32" s="24"/>
      <c r="IE32" s="25"/>
      <c r="IF32" s="24"/>
      <c r="IG32" s="26"/>
      <c r="IH32" s="24"/>
      <c r="II32" s="25"/>
      <c r="IJ32" s="24"/>
      <c r="IK32" s="26"/>
      <c r="IL32" s="24"/>
      <c r="IM32" s="25"/>
      <c r="IN32" s="24"/>
      <c r="IO32" s="26"/>
      <c r="IP32" s="24"/>
      <c r="IQ32" s="25"/>
    </row>
    <row r="33" spans="1:251" s="22" customFormat="1" ht="21" customHeight="1" x14ac:dyDescent="0.25">
      <c r="A33" s="24"/>
      <c r="B33" s="27" t="s">
        <v>46</v>
      </c>
      <c r="C33" s="11" t="s">
        <v>47</v>
      </c>
      <c r="D33" s="11" t="s">
        <v>17</v>
      </c>
      <c r="E33" s="13" t="s">
        <v>13</v>
      </c>
      <c r="F33" s="24"/>
      <c r="G33" s="25"/>
      <c r="H33" s="24"/>
      <c r="I33" s="26"/>
      <c r="J33" s="24"/>
      <c r="K33" s="25"/>
      <c r="L33" s="24"/>
      <c r="M33" s="26"/>
      <c r="N33" s="24"/>
      <c r="O33" s="25"/>
      <c r="P33" s="24"/>
      <c r="Q33" s="26"/>
      <c r="R33" s="24"/>
      <c r="S33" s="25"/>
      <c r="T33" s="24"/>
      <c r="U33" s="26"/>
      <c r="V33" s="24"/>
      <c r="W33" s="25"/>
      <c r="X33" s="24"/>
      <c r="Y33" s="26"/>
      <c r="Z33" s="24"/>
      <c r="AA33" s="25"/>
      <c r="AB33" s="24"/>
      <c r="AC33" s="26"/>
      <c r="AD33" s="24"/>
      <c r="AE33" s="25"/>
      <c r="AF33" s="24"/>
      <c r="AG33" s="26"/>
      <c r="AH33" s="24"/>
      <c r="AI33" s="25"/>
      <c r="AJ33" s="24"/>
      <c r="AK33" s="26"/>
      <c r="AL33" s="24"/>
      <c r="AM33" s="25"/>
      <c r="AN33" s="24"/>
      <c r="AO33" s="26"/>
      <c r="AP33" s="24"/>
      <c r="AQ33" s="25"/>
      <c r="AR33" s="24"/>
      <c r="AS33" s="26"/>
      <c r="AT33" s="24"/>
      <c r="AU33" s="25"/>
      <c r="AV33" s="24"/>
      <c r="AW33" s="26"/>
      <c r="AX33" s="24"/>
      <c r="AY33" s="25"/>
      <c r="AZ33" s="24"/>
      <c r="BA33" s="26"/>
      <c r="BB33" s="24"/>
      <c r="BC33" s="25"/>
      <c r="BD33" s="24"/>
      <c r="BE33" s="26"/>
      <c r="BF33" s="24"/>
      <c r="BG33" s="25"/>
      <c r="BH33" s="24"/>
      <c r="BI33" s="26"/>
      <c r="BJ33" s="24"/>
      <c r="BK33" s="25"/>
      <c r="BL33" s="24"/>
      <c r="BM33" s="26"/>
      <c r="BN33" s="24"/>
      <c r="BO33" s="25"/>
      <c r="BP33" s="24"/>
      <c r="BQ33" s="26"/>
      <c r="BR33" s="24"/>
      <c r="BS33" s="25"/>
      <c r="BT33" s="24"/>
      <c r="BU33" s="26"/>
      <c r="BV33" s="24"/>
      <c r="BW33" s="25"/>
      <c r="BX33" s="24"/>
      <c r="BY33" s="26"/>
      <c r="BZ33" s="24"/>
      <c r="CA33" s="25"/>
      <c r="CB33" s="24"/>
      <c r="CC33" s="26"/>
      <c r="CD33" s="24"/>
      <c r="CE33" s="25"/>
      <c r="CF33" s="24"/>
      <c r="CG33" s="26"/>
      <c r="CH33" s="24"/>
      <c r="CI33" s="25"/>
      <c r="CJ33" s="24"/>
      <c r="CK33" s="26"/>
      <c r="CL33" s="24"/>
      <c r="CM33" s="25"/>
      <c r="CN33" s="24"/>
      <c r="CO33" s="26"/>
      <c r="CP33" s="24"/>
      <c r="CQ33" s="25"/>
      <c r="CR33" s="24"/>
      <c r="CS33" s="26"/>
      <c r="CT33" s="24"/>
      <c r="CU33" s="25"/>
      <c r="CV33" s="24"/>
      <c r="CW33" s="26"/>
      <c r="CX33" s="24"/>
      <c r="CY33" s="25"/>
      <c r="CZ33" s="24"/>
      <c r="DA33" s="26"/>
      <c r="DB33" s="24"/>
      <c r="DC33" s="25"/>
      <c r="DD33" s="24"/>
      <c r="DE33" s="26"/>
      <c r="DF33" s="24"/>
      <c r="DG33" s="25"/>
      <c r="DH33" s="24"/>
      <c r="DI33" s="26"/>
      <c r="DJ33" s="24"/>
      <c r="DK33" s="25"/>
      <c r="DL33" s="24"/>
      <c r="DM33" s="26"/>
      <c r="DN33" s="24"/>
      <c r="DO33" s="25"/>
      <c r="DP33" s="24"/>
      <c r="DQ33" s="26"/>
      <c r="DR33" s="24"/>
      <c r="DS33" s="25"/>
      <c r="DT33" s="24"/>
      <c r="DU33" s="26"/>
      <c r="DV33" s="24"/>
      <c r="DW33" s="25"/>
      <c r="DX33" s="24"/>
      <c r="DY33" s="26"/>
      <c r="DZ33" s="24"/>
      <c r="EA33" s="25"/>
      <c r="EB33" s="24"/>
      <c r="EC33" s="26"/>
      <c r="ED33" s="24"/>
      <c r="EE33" s="25"/>
      <c r="EF33" s="24"/>
      <c r="EG33" s="26"/>
      <c r="EH33" s="24"/>
      <c r="EI33" s="25"/>
      <c r="EJ33" s="24"/>
      <c r="EK33" s="26"/>
      <c r="EL33" s="24"/>
      <c r="EM33" s="25"/>
      <c r="EN33" s="24"/>
      <c r="EO33" s="26"/>
      <c r="EP33" s="24"/>
      <c r="EQ33" s="25"/>
      <c r="ER33" s="24"/>
      <c r="ES33" s="26"/>
      <c r="ET33" s="24"/>
      <c r="EU33" s="25"/>
      <c r="EV33" s="24"/>
      <c r="EW33" s="26"/>
      <c r="EX33" s="24"/>
      <c r="EY33" s="25"/>
      <c r="EZ33" s="24"/>
      <c r="FA33" s="26"/>
      <c r="FB33" s="24"/>
      <c r="FC33" s="25"/>
      <c r="FD33" s="24"/>
      <c r="FE33" s="26"/>
      <c r="FF33" s="24"/>
      <c r="FG33" s="25"/>
      <c r="FH33" s="24"/>
      <c r="FI33" s="26"/>
      <c r="FJ33" s="24"/>
      <c r="FK33" s="25"/>
      <c r="FL33" s="24"/>
      <c r="FM33" s="26"/>
      <c r="FN33" s="24"/>
      <c r="FO33" s="25"/>
      <c r="FP33" s="24"/>
      <c r="FQ33" s="26"/>
      <c r="FR33" s="24"/>
      <c r="FS33" s="25"/>
      <c r="FT33" s="24"/>
      <c r="FU33" s="26"/>
      <c r="FV33" s="24"/>
      <c r="FW33" s="25"/>
      <c r="FX33" s="24"/>
      <c r="FY33" s="26"/>
      <c r="FZ33" s="24"/>
      <c r="GA33" s="25"/>
      <c r="GB33" s="24"/>
      <c r="GC33" s="26"/>
      <c r="GD33" s="24"/>
      <c r="GE33" s="25"/>
      <c r="GF33" s="24"/>
      <c r="GG33" s="26"/>
      <c r="GH33" s="24"/>
      <c r="GI33" s="25"/>
      <c r="GJ33" s="24"/>
      <c r="GK33" s="26"/>
      <c r="GL33" s="24"/>
      <c r="GM33" s="25"/>
      <c r="GN33" s="24"/>
      <c r="GO33" s="26"/>
      <c r="GP33" s="24"/>
      <c r="GQ33" s="25"/>
      <c r="GR33" s="24"/>
      <c r="GS33" s="26"/>
      <c r="GT33" s="24"/>
      <c r="GU33" s="25"/>
      <c r="GV33" s="24"/>
      <c r="GW33" s="26"/>
      <c r="GX33" s="24"/>
      <c r="GY33" s="25"/>
      <c r="GZ33" s="24"/>
      <c r="HA33" s="26"/>
      <c r="HB33" s="24"/>
      <c r="HC33" s="25"/>
      <c r="HD33" s="24"/>
      <c r="HE33" s="26"/>
      <c r="HF33" s="24"/>
      <c r="HG33" s="25"/>
      <c r="HH33" s="24"/>
      <c r="HI33" s="26"/>
      <c r="HJ33" s="24"/>
      <c r="HK33" s="25"/>
      <c r="HL33" s="24"/>
      <c r="HM33" s="26"/>
      <c r="HN33" s="24"/>
      <c r="HO33" s="25"/>
      <c r="HP33" s="24"/>
      <c r="HQ33" s="26"/>
      <c r="HR33" s="24"/>
      <c r="HS33" s="25"/>
      <c r="HT33" s="24"/>
      <c r="HU33" s="26"/>
      <c r="HV33" s="24"/>
      <c r="HW33" s="25"/>
      <c r="HX33" s="24"/>
      <c r="HY33" s="26"/>
      <c r="HZ33" s="24"/>
      <c r="IA33" s="25"/>
      <c r="IB33" s="24"/>
      <c r="IC33" s="26"/>
      <c r="ID33" s="24"/>
      <c r="IE33" s="25"/>
      <c r="IF33" s="24"/>
      <c r="IG33" s="26"/>
      <c r="IH33" s="24"/>
      <c r="II33" s="25"/>
      <c r="IJ33" s="24"/>
      <c r="IK33" s="26"/>
      <c r="IL33" s="24"/>
      <c r="IM33" s="25"/>
      <c r="IN33" s="24"/>
      <c r="IO33" s="26"/>
      <c r="IP33" s="24"/>
      <c r="IQ33" s="25"/>
    </row>
    <row r="34" spans="1:251" s="22" customFormat="1" ht="21" customHeight="1" x14ac:dyDescent="0.25">
      <c r="A34" s="24"/>
      <c r="B34" s="10" t="s">
        <v>46</v>
      </c>
      <c r="C34" s="11" t="s">
        <v>48</v>
      </c>
      <c r="D34" s="11" t="s">
        <v>7</v>
      </c>
      <c r="E34" s="13" t="s">
        <v>8</v>
      </c>
      <c r="F34" s="24"/>
      <c r="G34" s="25"/>
      <c r="H34" s="24"/>
      <c r="I34" s="26"/>
      <c r="J34" s="24"/>
      <c r="K34" s="25"/>
      <c r="L34" s="24"/>
      <c r="M34" s="26"/>
      <c r="N34" s="24"/>
      <c r="O34" s="25"/>
      <c r="P34" s="24"/>
      <c r="Q34" s="26"/>
      <c r="R34" s="24"/>
      <c r="S34" s="25"/>
      <c r="T34" s="24"/>
      <c r="U34" s="26"/>
      <c r="V34" s="24"/>
      <c r="W34" s="25"/>
      <c r="X34" s="24"/>
      <c r="Y34" s="26"/>
      <c r="Z34" s="24"/>
      <c r="AA34" s="25"/>
      <c r="AB34" s="24"/>
      <c r="AC34" s="26"/>
      <c r="AD34" s="24"/>
      <c r="AE34" s="25"/>
      <c r="AF34" s="24"/>
      <c r="AG34" s="26"/>
      <c r="AH34" s="24"/>
      <c r="AI34" s="25"/>
      <c r="AJ34" s="24"/>
      <c r="AK34" s="26"/>
      <c r="AL34" s="24"/>
      <c r="AM34" s="25"/>
      <c r="AN34" s="24"/>
      <c r="AO34" s="26"/>
      <c r="AP34" s="24"/>
      <c r="AQ34" s="25"/>
      <c r="AR34" s="24"/>
      <c r="AS34" s="26"/>
      <c r="AT34" s="24"/>
      <c r="AU34" s="25"/>
      <c r="AV34" s="24"/>
      <c r="AW34" s="26"/>
      <c r="AX34" s="24"/>
      <c r="AY34" s="25"/>
      <c r="AZ34" s="24"/>
      <c r="BA34" s="26"/>
      <c r="BB34" s="24"/>
      <c r="BC34" s="25"/>
      <c r="BD34" s="24"/>
      <c r="BE34" s="26"/>
      <c r="BF34" s="24"/>
      <c r="BG34" s="25"/>
      <c r="BH34" s="24"/>
      <c r="BI34" s="26"/>
      <c r="BJ34" s="24"/>
      <c r="BK34" s="25"/>
      <c r="BL34" s="24"/>
      <c r="BM34" s="26"/>
      <c r="BN34" s="24"/>
      <c r="BO34" s="25"/>
      <c r="BP34" s="24"/>
      <c r="BQ34" s="26"/>
      <c r="BR34" s="24"/>
      <c r="BS34" s="25"/>
      <c r="BT34" s="24"/>
      <c r="BU34" s="26"/>
      <c r="BV34" s="24"/>
      <c r="BW34" s="25"/>
      <c r="BX34" s="24"/>
      <c r="BY34" s="26"/>
      <c r="BZ34" s="24"/>
      <c r="CA34" s="25"/>
      <c r="CB34" s="24"/>
      <c r="CC34" s="26"/>
      <c r="CD34" s="24"/>
      <c r="CE34" s="25"/>
      <c r="CF34" s="24"/>
      <c r="CG34" s="26"/>
      <c r="CH34" s="24"/>
      <c r="CI34" s="25"/>
      <c r="CJ34" s="24"/>
      <c r="CK34" s="26"/>
      <c r="CL34" s="24"/>
      <c r="CM34" s="25"/>
      <c r="CN34" s="24"/>
      <c r="CO34" s="26"/>
      <c r="CP34" s="24"/>
      <c r="CQ34" s="25"/>
      <c r="CR34" s="24"/>
      <c r="CS34" s="26"/>
      <c r="CT34" s="24"/>
      <c r="CU34" s="25"/>
      <c r="CV34" s="24"/>
      <c r="CW34" s="26"/>
      <c r="CX34" s="24"/>
      <c r="CY34" s="25"/>
      <c r="CZ34" s="24"/>
      <c r="DA34" s="26"/>
      <c r="DB34" s="24"/>
      <c r="DC34" s="25"/>
      <c r="DD34" s="24"/>
      <c r="DE34" s="26"/>
      <c r="DF34" s="24"/>
      <c r="DG34" s="25"/>
      <c r="DH34" s="24"/>
      <c r="DI34" s="26"/>
      <c r="DJ34" s="24"/>
      <c r="DK34" s="25"/>
      <c r="DL34" s="24"/>
      <c r="DM34" s="26"/>
      <c r="DN34" s="24"/>
      <c r="DO34" s="25"/>
      <c r="DP34" s="24"/>
      <c r="DQ34" s="26"/>
      <c r="DR34" s="24"/>
      <c r="DS34" s="25"/>
      <c r="DT34" s="24"/>
      <c r="DU34" s="26"/>
      <c r="DV34" s="24"/>
      <c r="DW34" s="25"/>
      <c r="DX34" s="24"/>
      <c r="DY34" s="26"/>
      <c r="DZ34" s="24"/>
      <c r="EA34" s="25"/>
      <c r="EB34" s="24"/>
      <c r="EC34" s="26"/>
      <c r="ED34" s="24"/>
      <c r="EE34" s="25"/>
      <c r="EF34" s="24"/>
      <c r="EG34" s="26"/>
      <c r="EH34" s="24"/>
      <c r="EI34" s="25"/>
      <c r="EJ34" s="24"/>
      <c r="EK34" s="26"/>
      <c r="EL34" s="24"/>
      <c r="EM34" s="25"/>
      <c r="EN34" s="24"/>
      <c r="EO34" s="26"/>
      <c r="EP34" s="24"/>
      <c r="EQ34" s="25"/>
      <c r="ER34" s="24"/>
      <c r="ES34" s="26"/>
      <c r="ET34" s="24"/>
      <c r="EU34" s="25"/>
      <c r="EV34" s="24"/>
      <c r="EW34" s="26"/>
      <c r="EX34" s="24"/>
      <c r="EY34" s="25"/>
      <c r="EZ34" s="24"/>
      <c r="FA34" s="26"/>
      <c r="FB34" s="24"/>
      <c r="FC34" s="25"/>
      <c r="FD34" s="24"/>
      <c r="FE34" s="26"/>
      <c r="FF34" s="24"/>
      <c r="FG34" s="25"/>
      <c r="FH34" s="24"/>
      <c r="FI34" s="26"/>
      <c r="FJ34" s="24"/>
      <c r="FK34" s="25"/>
      <c r="FL34" s="24"/>
      <c r="FM34" s="26"/>
      <c r="FN34" s="24"/>
      <c r="FO34" s="25"/>
      <c r="FP34" s="24"/>
      <c r="FQ34" s="26"/>
      <c r="FR34" s="24"/>
      <c r="FS34" s="25"/>
      <c r="FT34" s="24"/>
      <c r="FU34" s="26"/>
      <c r="FV34" s="24"/>
      <c r="FW34" s="25"/>
      <c r="FX34" s="24"/>
      <c r="FY34" s="26"/>
      <c r="FZ34" s="24"/>
      <c r="GA34" s="25"/>
      <c r="GB34" s="24"/>
      <c r="GC34" s="26"/>
      <c r="GD34" s="24"/>
      <c r="GE34" s="25"/>
      <c r="GF34" s="24"/>
      <c r="GG34" s="26"/>
      <c r="GH34" s="24"/>
      <c r="GI34" s="25"/>
      <c r="GJ34" s="24"/>
      <c r="GK34" s="26"/>
      <c r="GL34" s="24"/>
      <c r="GM34" s="25"/>
      <c r="GN34" s="24"/>
      <c r="GO34" s="26"/>
      <c r="GP34" s="24"/>
      <c r="GQ34" s="25"/>
      <c r="GR34" s="24"/>
      <c r="GS34" s="26"/>
      <c r="GT34" s="24"/>
      <c r="GU34" s="25"/>
      <c r="GV34" s="24"/>
      <c r="GW34" s="26"/>
      <c r="GX34" s="24"/>
      <c r="GY34" s="25"/>
      <c r="GZ34" s="24"/>
      <c r="HA34" s="26"/>
      <c r="HB34" s="24"/>
      <c r="HC34" s="25"/>
      <c r="HD34" s="24"/>
      <c r="HE34" s="26"/>
      <c r="HF34" s="24"/>
      <c r="HG34" s="25"/>
      <c r="HH34" s="24"/>
      <c r="HI34" s="26"/>
      <c r="HJ34" s="24"/>
      <c r="HK34" s="25"/>
      <c r="HL34" s="24"/>
      <c r="HM34" s="26"/>
      <c r="HN34" s="24"/>
      <c r="HO34" s="25"/>
      <c r="HP34" s="24"/>
      <c r="HQ34" s="26"/>
      <c r="HR34" s="24"/>
      <c r="HS34" s="25"/>
      <c r="HT34" s="24"/>
      <c r="HU34" s="26"/>
      <c r="HV34" s="24"/>
      <c r="HW34" s="25"/>
      <c r="HX34" s="24"/>
      <c r="HY34" s="26"/>
      <c r="HZ34" s="24"/>
      <c r="IA34" s="25"/>
      <c r="IB34" s="24"/>
      <c r="IC34" s="26"/>
      <c r="ID34" s="24"/>
      <c r="IE34" s="25"/>
      <c r="IF34" s="24"/>
      <c r="IG34" s="26"/>
      <c r="IH34" s="24"/>
      <c r="II34" s="25"/>
      <c r="IJ34" s="24"/>
      <c r="IK34" s="26"/>
      <c r="IL34" s="24"/>
      <c r="IM34" s="25"/>
      <c r="IN34" s="24"/>
      <c r="IO34" s="26"/>
      <c r="IP34" s="24"/>
      <c r="IQ34" s="25"/>
    </row>
    <row r="35" spans="1:251" s="22" customFormat="1" ht="21" customHeight="1" x14ac:dyDescent="0.25">
      <c r="A35" s="18"/>
      <c r="B35" s="27" t="s">
        <v>46</v>
      </c>
      <c r="C35" s="11" t="s">
        <v>49</v>
      </c>
      <c r="D35" s="11" t="s">
        <v>11</v>
      </c>
      <c r="E35" s="13" t="s">
        <v>8</v>
      </c>
      <c r="F35" s="18"/>
      <c r="G35" s="20"/>
      <c r="H35" s="18"/>
      <c r="I35" s="21"/>
      <c r="J35" s="18"/>
      <c r="K35" s="20"/>
      <c r="L35" s="18"/>
      <c r="M35" s="21"/>
      <c r="N35" s="18"/>
      <c r="O35" s="20"/>
      <c r="P35" s="18"/>
      <c r="Q35" s="21"/>
      <c r="R35" s="18"/>
      <c r="S35" s="20"/>
      <c r="T35" s="18"/>
      <c r="U35" s="21"/>
      <c r="V35" s="18"/>
      <c r="W35" s="20"/>
      <c r="X35" s="18"/>
      <c r="Y35" s="21"/>
      <c r="Z35" s="18"/>
      <c r="AA35" s="20"/>
      <c r="AB35" s="18"/>
      <c r="AC35" s="21"/>
      <c r="AD35" s="18"/>
      <c r="AE35" s="20"/>
      <c r="AF35" s="18"/>
      <c r="AG35" s="21"/>
      <c r="AH35" s="18"/>
      <c r="AI35" s="20"/>
      <c r="AJ35" s="18"/>
      <c r="AK35" s="21"/>
      <c r="AL35" s="18"/>
      <c r="AM35" s="20"/>
      <c r="AN35" s="18"/>
      <c r="AO35" s="21"/>
      <c r="AP35" s="18"/>
      <c r="AQ35" s="20"/>
      <c r="AR35" s="18"/>
      <c r="AS35" s="21"/>
      <c r="AT35" s="18"/>
      <c r="AU35" s="20"/>
      <c r="AV35" s="18"/>
      <c r="AW35" s="21"/>
      <c r="AX35" s="18"/>
      <c r="AY35" s="20"/>
      <c r="AZ35" s="18"/>
      <c r="BA35" s="21"/>
      <c r="BB35" s="18"/>
      <c r="BC35" s="20"/>
      <c r="BD35" s="18"/>
      <c r="BE35" s="21"/>
      <c r="BF35" s="18"/>
      <c r="BG35" s="20"/>
      <c r="BH35" s="18"/>
      <c r="BI35" s="21"/>
      <c r="BJ35" s="18"/>
      <c r="BK35" s="20"/>
      <c r="BL35" s="18"/>
      <c r="BM35" s="21"/>
      <c r="BN35" s="18"/>
      <c r="BO35" s="20"/>
      <c r="BP35" s="18"/>
      <c r="BQ35" s="21"/>
      <c r="BR35" s="18"/>
      <c r="BS35" s="20"/>
      <c r="BT35" s="18"/>
      <c r="BU35" s="21"/>
      <c r="BV35" s="18"/>
      <c r="BW35" s="20"/>
      <c r="BX35" s="18"/>
      <c r="BY35" s="21"/>
      <c r="BZ35" s="18"/>
      <c r="CA35" s="20"/>
      <c r="CB35" s="18"/>
      <c r="CC35" s="21"/>
      <c r="CD35" s="18"/>
      <c r="CE35" s="20"/>
      <c r="CF35" s="18"/>
      <c r="CG35" s="21"/>
      <c r="CH35" s="18"/>
      <c r="CI35" s="20"/>
      <c r="CJ35" s="18"/>
      <c r="CK35" s="21"/>
      <c r="CL35" s="18"/>
      <c r="CM35" s="20"/>
      <c r="CN35" s="18"/>
      <c r="CO35" s="21"/>
      <c r="CP35" s="18"/>
      <c r="CQ35" s="20"/>
      <c r="CR35" s="18"/>
      <c r="CS35" s="21"/>
      <c r="CT35" s="18"/>
      <c r="CU35" s="20"/>
      <c r="CV35" s="18"/>
      <c r="CW35" s="21"/>
      <c r="CX35" s="18"/>
      <c r="CY35" s="20"/>
      <c r="CZ35" s="18"/>
      <c r="DA35" s="21"/>
      <c r="DB35" s="18"/>
      <c r="DC35" s="20"/>
      <c r="DD35" s="18"/>
      <c r="DE35" s="21"/>
      <c r="DF35" s="18"/>
      <c r="DG35" s="20"/>
      <c r="DH35" s="18"/>
      <c r="DI35" s="21"/>
      <c r="DJ35" s="18"/>
      <c r="DK35" s="20"/>
      <c r="DL35" s="18"/>
      <c r="DM35" s="21"/>
      <c r="DN35" s="18"/>
      <c r="DO35" s="20"/>
      <c r="DP35" s="18"/>
      <c r="DQ35" s="21"/>
      <c r="DR35" s="18"/>
      <c r="DS35" s="20"/>
      <c r="DT35" s="18"/>
      <c r="DU35" s="21"/>
      <c r="DV35" s="18"/>
      <c r="DW35" s="20"/>
      <c r="DX35" s="18"/>
      <c r="DY35" s="21"/>
      <c r="DZ35" s="18"/>
      <c r="EA35" s="20"/>
      <c r="EB35" s="18"/>
      <c r="EC35" s="21"/>
      <c r="ED35" s="18"/>
      <c r="EE35" s="20"/>
      <c r="EF35" s="18"/>
      <c r="EG35" s="21"/>
      <c r="EH35" s="18"/>
      <c r="EI35" s="20"/>
      <c r="EJ35" s="18"/>
      <c r="EK35" s="21"/>
      <c r="EL35" s="18"/>
      <c r="EM35" s="20"/>
      <c r="EN35" s="18"/>
      <c r="EO35" s="21"/>
      <c r="EP35" s="18"/>
      <c r="EQ35" s="20"/>
      <c r="ER35" s="18"/>
      <c r="ES35" s="21"/>
      <c r="ET35" s="18"/>
      <c r="EU35" s="20"/>
      <c r="EV35" s="18"/>
      <c r="EW35" s="21"/>
      <c r="EX35" s="18"/>
      <c r="EY35" s="20"/>
      <c r="EZ35" s="18"/>
      <c r="FA35" s="21"/>
      <c r="FB35" s="18"/>
      <c r="FC35" s="20"/>
      <c r="FD35" s="18"/>
      <c r="FE35" s="21"/>
      <c r="FF35" s="18"/>
      <c r="FG35" s="20"/>
      <c r="FH35" s="18"/>
      <c r="FI35" s="21"/>
      <c r="FJ35" s="18"/>
      <c r="FK35" s="20"/>
      <c r="FL35" s="18"/>
      <c r="FM35" s="21"/>
      <c r="FN35" s="18"/>
      <c r="FO35" s="20"/>
      <c r="FP35" s="18"/>
      <c r="FQ35" s="21"/>
      <c r="FR35" s="18"/>
      <c r="FS35" s="20"/>
      <c r="FT35" s="18"/>
      <c r="FU35" s="21"/>
      <c r="FV35" s="18"/>
      <c r="FW35" s="20"/>
      <c r="FX35" s="18"/>
      <c r="FY35" s="21"/>
      <c r="FZ35" s="18"/>
      <c r="GA35" s="20"/>
      <c r="GB35" s="18"/>
      <c r="GC35" s="21"/>
      <c r="GD35" s="18"/>
      <c r="GE35" s="20"/>
      <c r="GF35" s="18"/>
      <c r="GG35" s="21"/>
      <c r="GH35" s="18"/>
      <c r="GI35" s="20"/>
      <c r="GJ35" s="18"/>
      <c r="GK35" s="21"/>
      <c r="GL35" s="18"/>
      <c r="GM35" s="20"/>
      <c r="GN35" s="18"/>
      <c r="GO35" s="21"/>
      <c r="GP35" s="18"/>
      <c r="GQ35" s="20"/>
      <c r="GR35" s="18"/>
      <c r="GS35" s="21"/>
      <c r="GT35" s="18"/>
      <c r="GU35" s="20"/>
      <c r="GV35" s="18"/>
      <c r="GW35" s="21"/>
      <c r="GX35" s="18"/>
      <c r="GY35" s="20"/>
      <c r="GZ35" s="18"/>
      <c r="HA35" s="21"/>
      <c r="HB35" s="18"/>
      <c r="HC35" s="20"/>
      <c r="HD35" s="18"/>
      <c r="HE35" s="21"/>
      <c r="HF35" s="18"/>
      <c r="HG35" s="20"/>
      <c r="HH35" s="18"/>
      <c r="HI35" s="21"/>
      <c r="HJ35" s="18"/>
      <c r="HK35" s="20"/>
      <c r="HL35" s="18"/>
      <c r="HM35" s="21"/>
      <c r="HN35" s="18"/>
      <c r="HO35" s="20"/>
      <c r="HP35" s="18"/>
      <c r="HQ35" s="21"/>
      <c r="HR35" s="18"/>
      <c r="HS35" s="20"/>
      <c r="HT35" s="18"/>
      <c r="HU35" s="21"/>
      <c r="HV35" s="18"/>
      <c r="HW35" s="20"/>
      <c r="HX35" s="18"/>
      <c r="HY35" s="21"/>
      <c r="HZ35" s="18"/>
      <c r="IA35" s="20"/>
      <c r="IB35" s="18"/>
      <c r="IC35" s="21"/>
      <c r="ID35" s="18"/>
      <c r="IE35" s="20"/>
      <c r="IF35" s="18"/>
      <c r="IG35" s="21"/>
      <c r="IH35" s="18"/>
      <c r="II35" s="20"/>
      <c r="IJ35" s="18"/>
      <c r="IK35" s="21"/>
      <c r="IL35" s="18"/>
      <c r="IM35" s="20"/>
      <c r="IN35" s="18"/>
      <c r="IO35" s="21"/>
      <c r="IP35" s="18"/>
      <c r="IQ35" s="20"/>
    </row>
    <row r="36" spans="1:251" s="22" customFormat="1" ht="30" customHeight="1" x14ac:dyDescent="0.25">
      <c r="A36" s="18"/>
      <c r="B36" s="27" t="s">
        <v>46</v>
      </c>
      <c r="C36" s="11" t="s">
        <v>50</v>
      </c>
      <c r="D36" s="11" t="s">
        <v>45</v>
      </c>
      <c r="E36" s="13" t="s">
        <v>13</v>
      </c>
      <c r="F36" s="18"/>
      <c r="G36" s="20"/>
      <c r="H36" s="18"/>
      <c r="I36" s="21"/>
      <c r="J36" s="18"/>
      <c r="K36" s="20"/>
      <c r="L36" s="18"/>
      <c r="M36" s="21"/>
      <c r="N36" s="18"/>
      <c r="O36" s="20"/>
      <c r="P36" s="18"/>
      <c r="Q36" s="21"/>
      <c r="R36" s="18"/>
      <c r="S36" s="20"/>
      <c r="T36" s="18"/>
      <c r="U36" s="21"/>
      <c r="V36" s="18"/>
      <c r="W36" s="20"/>
      <c r="X36" s="18"/>
      <c r="Y36" s="21"/>
      <c r="Z36" s="18"/>
      <c r="AA36" s="20"/>
      <c r="AB36" s="18"/>
      <c r="AC36" s="21"/>
      <c r="AD36" s="18"/>
      <c r="AE36" s="20"/>
      <c r="AF36" s="18"/>
      <c r="AG36" s="21"/>
      <c r="AH36" s="18"/>
      <c r="AI36" s="20"/>
      <c r="AJ36" s="18"/>
      <c r="AK36" s="21"/>
      <c r="AL36" s="18"/>
      <c r="AM36" s="20"/>
      <c r="AN36" s="18"/>
      <c r="AO36" s="21"/>
      <c r="AP36" s="18"/>
      <c r="AQ36" s="20"/>
      <c r="AR36" s="18"/>
      <c r="AS36" s="21"/>
      <c r="AT36" s="18"/>
      <c r="AU36" s="20"/>
      <c r="AV36" s="18"/>
      <c r="AW36" s="21"/>
      <c r="AX36" s="18"/>
      <c r="AY36" s="20"/>
      <c r="AZ36" s="18"/>
      <c r="BA36" s="21"/>
      <c r="BB36" s="18"/>
      <c r="BC36" s="20"/>
      <c r="BD36" s="18"/>
      <c r="BE36" s="21"/>
      <c r="BF36" s="18"/>
      <c r="BG36" s="20"/>
      <c r="BH36" s="18"/>
      <c r="BI36" s="21"/>
      <c r="BJ36" s="18"/>
      <c r="BK36" s="20"/>
      <c r="BL36" s="18"/>
      <c r="BM36" s="21"/>
      <c r="BN36" s="18"/>
      <c r="BO36" s="20"/>
      <c r="BP36" s="18"/>
      <c r="BQ36" s="21"/>
      <c r="BR36" s="18"/>
      <c r="BS36" s="20"/>
      <c r="BT36" s="18"/>
      <c r="BU36" s="21"/>
      <c r="BV36" s="18"/>
      <c r="BW36" s="20"/>
      <c r="BX36" s="18"/>
      <c r="BY36" s="21"/>
      <c r="BZ36" s="18"/>
      <c r="CA36" s="20"/>
      <c r="CB36" s="18"/>
      <c r="CC36" s="21"/>
      <c r="CD36" s="18"/>
      <c r="CE36" s="20"/>
      <c r="CF36" s="18"/>
      <c r="CG36" s="21"/>
      <c r="CH36" s="18"/>
      <c r="CI36" s="20"/>
      <c r="CJ36" s="18"/>
      <c r="CK36" s="21"/>
      <c r="CL36" s="18"/>
      <c r="CM36" s="20"/>
      <c r="CN36" s="18"/>
      <c r="CO36" s="21"/>
      <c r="CP36" s="18"/>
      <c r="CQ36" s="20"/>
      <c r="CR36" s="18"/>
      <c r="CS36" s="21"/>
      <c r="CT36" s="18"/>
      <c r="CU36" s="20"/>
      <c r="CV36" s="18"/>
      <c r="CW36" s="21"/>
      <c r="CX36" s="18"/>
      <c r="CY36" s="20"/>
      <c r="CZ36" s="18"/>
      <c r="DA36" s="21"/>
      <c r="DB36" s="18"/>
      <c r="DC36" s="20"/>
      <c r="DD36" s="18"/>
      <c r="DE36" s="21"/>
      <c r="DF36" s="18"/>
      <c r="DG36" s="20"/>
      <c r="DH36" s="18"/>
      <c r="DI36" s="21"/>
      <c r="DJ36" s="18"/>
      <c r="DK36" s="20"/>
      <c r="DL36" s="18"/>
      <c r="DM36" s="21"/>
      <c r="DN36" s="18"/>
      <c r="DO36" s="20"/>
      <c r="DP36" s="18"/>
      <c r="DQ36" s="21"/>
      <c r="DR36" s="18"/>
      <c r="DS36" s="20"/>
      <c r="DT36" s="18"/>
      <c r="DU36" s="21"/>
      <c r="DV36" s="18"/>
      <c r="DW36" s="20"/>
      <c r="DX36" s="18"/>
      <c r="DY36" s="21"/>
      <c r="DZ36" s="18"/>
      <c r="EA36" s="20"/>
      <c r="EB36" s="18"/>
      <c r="EC36" s="21"/>
      <c r="ED36" s="18"/>
      <c r="EE36" s="20"/>
      <c r="EF36" s="18"/>
      <c r="EG36" s="21"/>
      <c r="EH36" s="18"/>
      <c r="EI36" s="20"/>
      <c r="EJ36" s="18"/>
      <c r="EK36" s="21"/>
      <c r="EL36" s="18"/>
      <c r="EM36" s="20"/>
      <c r="EN36" s="18"/>
      <c r="EO36" s="21"/>
      <c r="EP36" s="18"/>
      <c r="EQ36" s="20"/>
      <c r="ER36" s="18"/>
      <c r="ES36" s="21"/>
      <c r="ET36" s="18"/>
      <c r="EU36" s="20"/>
      <c r="EV36" s="18"/>
      <c r="EW36" s="21"/>
      <c r="EX36" s="18"/>
      <c r="EY36" s="20"/>
      <c r="EZ36" s="18"/>
      <c r="FA36" s="21"/>
      <c r="FB36" s="18"/>
      <c r="FC36" s="20"/>
      <c r="FD36" s="18"/>
      <c r="FE36" s="21"/>
      <c r="FF36" s="18"/>
      <c r="FG36" s="20"/>
      <c r="FH36" s="18"/>
      <c r="FI36" s="21"/>
      <c r="FJ36" s="18"/>
      <c r="FK36" s="20"/>
      <c r="FL36" s="18"/>
      <c r="FM36" s="21"/>
      <c r="FN36" s="18"/>
      <c r="FO36" s="20"/>
      <c r="FP36" s="18"/>
      <c r="FQ36" s="21"/>
      <c r="FR36" s="18"/>
      <c r="FS36" s="20"/>
      <c r="FT36" s="18"/>
      <c r="FU36" s="21"/>
      <c r="FV36" s="18"/>
      <c r="FW36" s="20"/>
      <c r="FX36" s="18"/>
      <c r="FY36" s="21"/>
      <c r="FZ36" s="18"/>
      <c r="GA36" s="20"/>
      <c r="GB36" s="18"/>
      <c r="GC36" s="21"/>
      <c r="GD36" s="18"/>
      <c r="GE36" s="20"/>
      <c r="GF36" s="18"/>
      <c r="GG36" s="21"/>
      <c r="GH36" s="18"/>
      <c r="GI36" s="20"/>
      <c r="GJ36" s="18"/>
      <c r="GK36" s="21"/>
      <c r="GL36" s="18"/>
      <c r="GM36" s="20"/>
      <c r="GN36" s="18"/>
      <c r="GO36" s="21"/>
      <c r="GP36" s="18"/>
      <c r="GQ36" s="20"/>
      <c r="GR36" s="18"/>
      <c r="GS36" s="21"/>
      <c r="GT36" s="18"/>
      <c r="GU36" s="20"/>
      <c r="GV36" s="18"/>
      <c r="GW36" s="21"/>
      <c r="GX36" s="18"/>
      <c r="GY36" s="20"/>
      <c r="GZ36" s="18"/>
      <c r="HA36" s="21"/>
      <c r="HB36" s="18"/>
      <c r="HC36" s="20"/>
      <c r="HD36" s="18"/>
      <c r="HE36" s="21"/>
      <c r="HF36" s="18"/>
      <c r="HG36" s="20"/>
      <c r="HH36" s="18"/>
      <c r="HI36" s="21"/>
      <c r="HJ36" s="18"/>
      <c r="HK36" s="20"/>
      <c r="HL36" s="18"/>
      <c r="HM36" s="21"/>
      <c r="HN36" s="18"/>
      <c r="HO36" s="20"/>
      <c r="HP36" s="18"/>
      <c r="HQ36" s="21"/>
      <c r="HR36" s="18"/>
      <c r="HS36" s="20"/>
      <c r="HT36" s="18"/>
      <c r="HU36" s="21"/>
      <c r="HV36" s="18"/>
      <c r="HW36" s="20"/>
      <c r="HX36" s="18"/>
      <c r="HY36" s="21"/>
      <c r="HZ36" s="18"/>
      <c r="IA36" s="20"/>
      <c r="IB36" s="18"/>
      <c r="IC36" s="21"/>
      <c r="ID36" s="18"/>
      <c r="IE36" s="20"/>
      <c r="IF36" s="18"/>
      <c r="IG36" s="21"/>
      <c r="IH36" s="18"/>
      <c r="II36" s="20"/>
      <c r="IJ36" s="18"/>
      <c r="IK36" s="21"/>
      <c r="IL36" s="18"/>
      <c r="IM36" s="20"/>
      <c r="IN36" s="18"/>
      <c r="IO36" s="21"/>
      <c r="IP36" s="18"/>
      <c r="IQ36" s="20"/>
    </row>
    <row r="37" spans="1:251" s="22" customFormat="1" ht="21" customHeight="1" x14ac:dyDescent="0.25">
      <c r="A37" s="24"/>
      <c r="B37" s="27" t="s">
        <v>46</v>
      </c>
      <c r="C37" s="11" t="s">
        <v>50</v>
      </c>
      <c r="D37" s="11" t="s">
        <v>14</v>
      </c>
      <c r="E37" s="13" t="s">
        <v>8</v>
      </c>
      <c r="F37" s="24"/>
      <c r="G37" s="25"/>
      <c r="H37" s="24"/>
      <c r="I37" s="26"/>
      <c r="J37" s="24"/>
      <c r="K37" s="25"/>
      <c r="L37" s="24"/>
      <c r="M37" s="26"/>
      <c r="N37" s="24"/>
      <c r="O37" s="25"/>
      <c r="P37" s="24"/>
      <c r="Q37" s="26"/>
      <c r="R37" s="24"/>
      <c r="S37" s="25"/>
      <c r="T37" s="24"/>
      <c r="U37" s="26"/>
      <c r="V37" s="24"/>
      <c r="W37" s="25"/>
      <c r="X37" s="24"/>
      <c r="Y37" s="26"/>
      <c r="Z37" s="24"/>
      <c r="AA37" s="25"/>
      <c r="AB37" s="24"/>
      <c r="AC37" s="26"/>
      <c r="AD37" s="24"/>
      <c r="AE37" s="25"/>
      <c r="AF37" s="24"/>
      <c r="AG37" s="26"/>
      <c r="AH37" s="24"/>
      <c r="AI37" s="25"/>
      <c r="AJ37" s="24"/>
      <c r="AK37" s="26"/>
      <c r="AL37" s="24"/>
      <c r="AM37" s="25"/>
      <c r="AN37" s="24"/>
      <c r="AO37" s="26"/>
      <c r="AP37" s="24"/>
      <c r="AQ37" s="25"/>
      <c r="AR37" s="24"/>
      <c r="AS37" s="26"/>
      <c r="AT37" s="24"/>
      <c r="AU37" s="25"/>
      <c r="AV37" s="24"/>
      <c r="AW37" s="26"/>
      <c r="AX37" s="24"/>
      <c r="AY37" s="25"/>
      <c r="AZ37" s="24"/>
      <c r="BA37" s="26"/>
      <c r="BB37" s="24"/>
      <c r="BC37" s="25"/>
      <c r="BD37" s="24"/>
      <c r="BE37" s="26"/>
      <c r="BF37" s="24"/>
      <c r="BG37" s="25"/>
      <c r="BH37" s="24"/>
      <c r="BI37" s="26"/>
      <c r="BJ37" s="24"/>
      <c r="BK37" s="25"/>
      <c r="BL37" s="24"/>
      <c r="BM37" s="26"/>
      <c r="BN37" s="24"/>
      <c r="BO37" s="25"/>
      <c r="BP37" s="24"/>
      <c r="BQ37" s="26"/>
      <c r="BR37" s="24"/>
      <c r="BS37" s="25"/>
      <c r="BT37" s="24"/>
      <c r="BU37" s="26"/>
      <c r="BV37" s="24"/>
      <c r="BW37" s="25"/>
      <c r="BX37" s="24"/>
      <c r="BY37" s="26"/>
      <c r="BZ37" s="24"/>
      <c r="CA37" s="25"/>
      <c r="CB37" s="24"/>
      <c r="CC37" s="26"/>
      <c r="CD37" s="24"/>
      <c r="CE37" s="25"/>
      <c r="CF37" s="24"/>
      <c r="CG37" s="26"/>
      <c r="CH37" s="24"/>
      <c r="CI37" s="25"/>
      <c r="CJ37" s="24"/>
      <c r="CK37" s="26"/>
      <c r="CL37" s="24"/>
      <c r="CM37" s="25"/>
      <c r="CN37" s="24"/>
      <c r="CO37" s="26"/>
      <c r="CP37" s="24"/>
      <c r="CQ37" s="25"/>
      <c r="CR37" s="24"/>
      <c r="CS37" s="26"/>
      <c r="CT37" s="24"/>
      <c r="CU37" s="25"/>
      <c r="CV37" s="24"/>
      <c r="CW37" s="26"/>
      <c r="CX37" s="24"/>
      <c r="CY37" s="25"/>
      <c r="CZ37" s="24"/>
      <c r="DA37" s="26"/>
      <c r="DB37" s="24"/>
      <c r="DC37" s="25"/>
      <c r="DD37" s="24"/>
      <c r="DE37" s="26"/>
      <c r="DF37" s="24"/>
      <c r="DG37" s="25"/>
      <c r="DH37" s="24"/>
      <c r="DI37" s="26"/>
      <c r="DJ37" s="24"/>
      <c r="DK37" s="25"/>
      <c r="DL37" s="24"/>
      <c r="DM37" s="26"/>
      <c r="DN37" s="24"/>
      <c r="DO37" s="25"/>
      <c r="DP37" s="24"/>
      <c r="DQ37" s="26"/>
      <c r="DR37" s="24"/>
      <c r="DS37" s="25"/>
      <c r="DT37" s="24"/>
      <c r="DU37" s="26"/>
      <c r="DV37" s="24"/>
      <c r="DW37" s="25"/>
      <c r="DX37" s="24"/>
      <c r="DY37" s="26"/>
      <c r="DZ37" s="24"/>
      <c r="EA37" s="25"/>
      <c r="EB37" s="24"/>
      <c r="EC37" s="26"/>
      <c r="ED37" s="24"/>
      <c r="EE37" s="25"/>
      <c r="EF37" s="24"/>
      <c r="EG37" s="26"/>
      <c r="EH37" s="24"/>
      <c r="EI37" s="25"/>
      <c r="EJ37" s="24"/>
      <c r="EK37" s="26"/>
      <c r="EL37" s="24"/>
      <c r="EM37" s="25"/>
      <c r="EN37" s="24"/>
      <c r="EO37" s="26"/>
      <c r="EP37" s="24"/>
      <c r="EQ37" s="25"/>
      <c r="ER37" s="24"/>
      <c r="ES37" s="26"/>
      <c r="ET37" s="24"/>
      <c r="EU37" s="25"/>
      <c r="EV37" s="24"/>
      <c r="EW37" s="26"/>
      <c r="EX37" s="24"/>
      <c r="EY37" s="25"/>
      <c r="EZ37" s="24"/>
      <c r="FA37" s="26"/>
      <c r="FB37" s="24"/>
      <c r="FC37" s="25"/>
      <c r="FD37" s="24"/>
      <c r="FE37" s="26"/>
      <c r="FF37" s="24"/>
      <c r="FG37" s="25"/>
      <c r="FH37" s="24"/>
      <c r="FI37" s="26"/>
      <c r="FJ37" s="24"/>
      <c r="FK37" s="25"/>
      <c r="FL37" s="24"/>
      <c r="FM37" s="26"/>
      <c r="FN37" s="24"/>
      <c r="FO37" s="25"/>
      <c r="FP37" s="24"/>
      <c r="FQ37" s="26"/>
      <c r="FR37" s="24"/>
      <c r="FS37" s="25"/>
      <c r="FT37" s="24"/>
      <c r="FU37" s="26"/>
      <c r="FV37" s="24"/>
      <c r="FW37" s="25"/>
      <c r="FX37" s="24"/>
      <c r="FY37" s="26"/>
      <c r="FZ37" s="24"/>
      <c r="GA37" s="25"/>
      <c r="GB37" s="24"/>
      <c r="GC37" s="26"/>
      <c r="GD37" s="24"/>
      <c r="GE37" s="25"/>
      <c r="GF37" s="24"/>
      <c r="GG37" s="26"/>
      <c r="GH37" s="24"/>
      <c r="GI37" s="25"/>
      <c r="GJ37" s="24"/>
      <c r="GK37" s="26"/>
      <c r="GL37" s="24"/>
      <c r="GM37" s="25"/>
      <c r="GN37" s="24"/>
      <c r="GO37" s="26"/>
      <c r="GP37" s="24"/>
      <c r="GQ37" s="25"/>
      <c r="GR37" s="24"/>
      <c r="GS37" s="26"/>
      <c r="GT37" s="24"/>
      <c r="GU37" s="25"/>
      <c r="GV37" s="24"/>
      <c r="GW37" s="26"/>
      <c r="GX37" s="24"/>
      <c r="GY37" s="25"/>
      <c r="GZ37" s="24"/>
      <c r="HA37" s="26"/>
      <c r="HB37" s="24"/>
      <c r="HC37" s="25"/>
      <c r="HD37" s="24"/>
      <c r="HE37" s="26"/>
      <c r="HF37" s="24"/>
      <c r="HG37" s="25"/>
      <c r="HH37" s="24"/>
      <c r="HI37" s="26"/>
      <c r="HJ37" s="24"/>
      <c r="HK37" s="25"/>
      <c r="HL37" s="24"/>
      <c r="HM37" s="26"/>
      <c r="HN37" s="24"/>
      <c r="HO37" s="25"/>
      <c r="HP37" s="24"/>
      <c r="HQ37" s="26"/>
      <c r="HR37" s="24"/>
      <c r="HS37" s="25"/>
      <c r="HT37" s="24"/>
      <c r="HU37" s="26"/>
      <c r="HV37" s="24"/>
      <c r="HW37" s="25"/>
      <c r="HX37" s="24"/>
      <c r="HY37" s="26"/>
      <c r="HZ37" s="24"/>
      <c r="IA37" s="25"/>
      <c r="IB37" s="24"/>
      <c r="IC37" s="26"/>
      <c r="ID37" s="24"/>
      <c r="IE37" s="25"/>
      <c r="IF37" s="24"/>
      <c r="IG37" s="26"/>
      <c r="IH37" s="24"/>
      <c r="II37" s="25"/>
      <c r="IJ37" s="24"/>
      <c r="IK37" s="26"/>
      <c r="IL37" s="24"/>
      <c r="IM37" s="25"/>
      <c r="IN37" s="24"/>
      <c r="IO37" s="26"/>
      <c r="IP37" s="24"/>
      <c r="IQ37" s="25"/>
    </row>
    <row r="38" spans="1:251" s="22" customFormat="1" ht="21" customHeight="1" x14ac:dyDescent="0.25">
      <c r="A38" s="25"/>
      <c r="B38" s="24"/>
      <c r="C38" s="26"/>
      <c r="D38" s="24"/>
    </row>
    <row r="39" spans="1:251" s="22" customFormat="1" ht="21" customHeight="1" x14ac:dyDescent="0.25">
      <c r="A39" s="25"/>
      <c r="B39" s="28"/>
      <c r="C39" s="29"/>
      <c r="D39" s="28"/>
    </row>
    <row r="40" spans="1:251" s="22" customFormat="1" ht="21" customHeight="1" x14ac:dyDescent="0.25">
      <c r="A40" s="25"/>
      <c r="B40" s="28"/>
      <c r="C40" s="29"/>
      <c r="D40" s="28"/>
    </row>
  </sheetData>
  <autoFilter ref="A2:IQ38">
    <sortState ref="A3:IV38">
      <sortCondition ref="B2:B38"/>
    </sortState>
  </autoFilter>
  <mergeCells count="1">
    <mergeCell ref="A1:D1"/>
  </mergeCells>
  <pageMargins left="0.51181102362204722" right="0.51181102362204722" top="0.39370078740157483" bottom="0.39370078740157483" header="0.31496062992125984" footer="0.31496062992125984"/>
  <pageSetup paperSize="9" scale="63" fitToHeight="0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2.75" x14ac:dyDescent="0.2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2</vt:i4>
      </vt:variant>
      <vt:variant>
        <vt:lpstr>Intervalos nomeados</vt:lpstr>
      </vt:variant>
      <vt:variant>
        <vt:i4>1</vt:i4>
      </vt:variant>
    </vt:vector>
  </HeadingPairs>
  <TitlesOfParts>
    <vt:vector size="3" baseType="lpstr">
      <vt:lpstr>CURSOS NOVOS SAUDE (15-6)</vt:lpstr>
      <vt:lpstr>Plan2</vt:lpstr>
      <vt:lpstr>'CURSOS NOVOS SAUDE (15-6)'!Area_de_impressa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dor</dc:creator>
  <cp:lastModifiedBy>Administrador</cp:lastModifiedBy>
  <dcterms:created xsi:type="dcterms:W3CDTF">2016-08-31T12:12:51Z</dcterms:created>
  <dcterms:modified xsi:type="dcterms:W3CDTF">2016-08-31T12:14:42Z</dcterms:modified>
</cp:coreProperties>
</file>